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charts/chart2.xml" ContentType="application/vnd.openxmlformats-officedocument.drawingml.chart+xml"/>
  <Override PartName="/word/charts/style2.xml" ContentType="application/vnd.ms-office.chartstyle+xml"/>
  <Override PartName="/word/charts/colors2.xml" ContentType="application/vnd.ms-office.chartcolorstyle+xml"/>
  <Override PartName="/word/charts/chart3.xml" ContentType="application/vnd.openxmlformats-officedocument.drawingml.chart+xml"/>
  <Override PartName="/word/charts/style3.xml" ContentType="application/vnd.ms-office.chartstyle+xml"/>
  <Override PartName="/word/charts/colors3.xml" ContentType="application/vnd.ms-office.chartcolorstyle+xml"/>
  <Override PartName="/word/charts/chart4.xml" ContentType="application/vnd.openxmlformats-officedocument.drawingml.chart+xml"/>
  <Override PartName="/word/charts/style4.xml" ContentType="application/vnd.ms-office.chartstyle+xml"/>
  <Override PartName="/word/charts/colors4.xml" ContentType="application/vnd.ms-office.chartcolorstyle+xml"/>
  <Override PartName="/word/charts/chart5.xml" ContentType="application/vnd.openxmlformats-officedocument.drawingml.chart+xml"/>
  <Override PartName="/word/charts/style5.xml" ContentType="application/vnd.ms-office.chartstyle+xml"/>
  <Override PartName="/word/charts/colors5.xml" ContentType="application/vnd.ms-office.chartcolorstyle+xml"/>
  <Override PartName="/word/charts/chart6.xml" ContentType="application/vnd.openxmlformats-officedocument.drawingml.chart+xml"/>
  <Override PartName="/word/charts/style6.xml" ContentType="application/vnd.ms-office.chartstyle+xml"/>
  <Override PartName="/word/charts/colors6.xml" ContentType="application/vnd.ms-office.chartcolorstyle+xml"/>
  <Override PartName="/word/charts/chart7.xml" ContentType="application/vnd.openxmlformats-officedocument.drawingml.chart+xml"/>
  <Override PartName="/word/charts/style7.xml" ContentType="application/vnd.ms-office.chartstyle+xml"/>
  <Override PartName="/word/charts/colors7.xml" ContentType="application/vnd.ms-office.chartcolorstyle+xml"/>
  <Override PartName="/word/charts/chart8.xml" ContentType="application/vnd.openxmlformats-officedocument.drawingml.chart+xml"/>
  <Override PartName="/word/charts/style8.xml" ContentType="application/vnd.ms-office.chartstyle+xml"/>
  <Override PartName="/word/charts/colors8.xml" ContentType="application/vnd.ms-office.chartcolorstyle+xml"/>
  <Override PartName="/word/charts/chart9.xml" ContentType="application/vnd.openxmlformats-officedocument.drawingml.chart+xml"/>
  <Override PartName="/word/charts/style9.xml" ContentType="application/vnd.ms-office.chartstyle+xml"/>
  <Override PartName="/word/charts/colors9.xml" ContentType="application/vnd.ms-office.chartcolorstyle+xml"/>
  <Override PartName="/word/charts/chart10.xml" ContentType="application/vnd.openxmlformats-officedocument.drawingml.chart+xml"/>
  <Override PartName="/word/charts/style10.xml" ContentType="application/vnd.ms-office.chartstyle+xml"/>
  <Override PartName="/word/charts/colors10.xml" ContentType="application/vnd.ms-office.chartcolorstyle+xml"/>
  <Override PartName="/word/charts/chart11.xml" ContentType="application/vnd.openxmlformats-officedocument.drawingml.chart+xml"/>
  <Override PartName="/word/charts/style11.xml" ContentType="application/vnd.ms-office.chartstyle+xml"/>
  <Override PartName="/word/charts/colors11.xml" ContentType="application/vnd.ms-office.chartcolorstyle+xml"/>
  <Override PartName="/word/charts/chart12.xml" ContentType="application/vnd.openxmlformats-officedocument.drawingml.chart+xml"/>
  <Override PartName="/word/charts/style12.xml" ContentType="application/vnd.ms-office.chartstyle+xml"/>
  <Override PartName="/word/charts/colors12.xml" ContentType="application/vnd.ms-office.chartcolorstyle+xml"/>
  <Override PartName="/word/charts/chart13.xml" ContentType="application/vnd.openxmlformats-officedocument.drawingml.chart+xml"/>
  <Override PartName="/word/charts/style13.xml" ContentType="application/vnd.ms-office.chartstyle+xml"/>
  <Override PartName="/word/charts/colors13.xml" ContentType="application/vnd.ms-office.chartcolorstyle+xml"/>
  <Override PartName="/word/charts/chart14.xml" ContentType="application/vnd.openxmlformats-officedocument.drawingml.chart+xml"/>
  <Override PartName="/word/charts/style14.xml" ContentType="application/vnd.ms-office.chartstyle+xml"/>
  <Override PartName="/word/charts/colors14.xml" ContentType="application/vnd.ms-office.chartcolorstyle+xml"/>
  <Override PartName="/word/charts/chart15.xml" ContentType="application/vnd.openxmlformats-officedocument.drawingml.chart+xml"/>
  <Override PartName="/word/charts/style15.xml" ContentType="application/vnd.ms-office.chartstyle+xml"/>
  <Override PartName="/word/charts/colors15.xml" ContentType="application/vnd.ms-office.chartcolorstyl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7125D78" w14:textId="3E5942F8" w:rsidR="00394BB4" w:rsidRPr="009061BE" w:rsidRDefault="009061BE" w:rsidP="009061BE">
      <w:pPr>
        <w:jc w:val="center"/>
        <w:rPr>
          <w:b/>
          <w:bCs/>
          <w:sz w:val="52"/>
          <w:szCs w:val="52"/>
        </w:rPr>
      </w:pPr>
      <w:r w:rsidRPr="009061BE">
        <w:rPr>
          <w:b/>
          <w:bCs/>
          <w:sz w:val="52"/>
          <w:szCs w:val="52"/>
        </w:rPr>
        <w:t>Metaheurystyki</w:t>
      </w:r>
    </w:p>
    <w:p w14:paraId="77DE805F" w14:textId="016AEC8E" w:rsidR="009061BE" w:rsidRPr="009061BE" w:rsidRDefault="009061BE" w:rsidP="009061BE">
      <w:pPr>
        <w:jc w:val="center"/>
        <w:rPr>
          <w:b/>
          <w:bCs/>
          <w:sz w:val="52"/>
          <w:szCs w:val="52"/>
        </w:rPr>
      </w:pPr>
      <w:r w:rsidRPr="009061BE">
        <w:rPr>
          <w:b/>
          <w:bCs/>
          <w:sz w:val="52"/>
          <w:szCs w:val="52"/>
        </w:rPr>
        <w:t>Lista 1</w:t>
      </w:r>
    </w:p>
    <w:p w14:paraId="2563EDDD" w14:textId="7E01A97F" w:rsidR="009061BE" w:rsidRPr="009061BE" w:rsidRDefault="009061BE" w:rsidP="009061BE">
      <w:pPr>
        <w:jc w:val="center"/>
        <w:rPr>
          <w:b/>
          <w:bCs/>
          <w:sz w:val="52"/>
          <w:szCs w:val="52"/>
        </w:rPr>
      </w:pPr>
      <w:r w:rsidRPr="009061BE">
        <w:rPr>
          <w:b/>
          <w:bCs/>
          <w:sz w:val="52"/>
          <w:szCs w:val="52"/>
        </w:rPr>
        <w:t>Problem Mobilnego Złodzieja</w:t>
      </w:r>
    </w:p>
    <w:p w14:paraId="20D069E5" w14:textId="109442F7" w:rsidR="009061BE" w:rsidRDefault="009061BE" w:rsidP="009061BE">
      <w:pPr>
        <w:jc w:val="center"/>
      </w:pPr>
    </w:p>
    <w:p w14:paraId="22D9B5B4" w14:textId="151C882B" w:rsidR="009061BE" w:rsidRDefault="009061BE" w:rsidP="009061BE">
      <w:pPr>
        <w:jc w:val="center"/>
      </w:pPr>
    </w:p>
    <w:p w14:paraId="02A0A1EE" w14:textId="544095D2" w:rsidR="009061BE" w:rsidRDefault="009061BE" w:rsidP="009061BE"/>
    <w:p w14:paraId="4CC08629" w14:textId="10E7A9D1" w:rsidR="00FC7C4F" w:rsidRDefault="00FC7C4F" w:rsidP="009061BE"/>
    <w:p w14:paraId="226A5F04" w14:textId="097450B5" w:rsidR="00FC7C4F" w:rsidRDefault="00FC7C4F" w:rsidP="009061BE"/>
    <w:p w14:paraId="4E48F5BD" w14:textId="60082E8A" w:rsidR="00DB0CAB" w:rsidRDefault="00DB0CAB" w:rsidP="009061BE"/>
    <w:p w14:paraId="34EE3B5A" w14:textId="3267AFA8" w:rsidR="00DB0CAB" w:rsidRDefault="00DB0CAB" w:rsidP="009061BE"/>
    <w:p w14:paraId="4ECA9034" w14:textId="4C0B025E" w:rsidR="00DB0CAB" w:rsidRDefault="00DB0CAB" w:rsidP="009061BE"/>
    <w:p w14:paraId="5D66A411" w14:textId="45B10ACC" w:rsidR="00DB0CAB" w:rsidRDefault="00DB0CAB" w:rsidP="009061BE"/>
    <w:p w14:paraId="33F82028" w14:textId="50F67586" w:rsidR="00DB0CAB" w:rsidRDefault="00DB0CAB" w:rsidP="009061BE"/>
    <w:p w14:paraId="1A076B1A" w14:textId="29A47A9F" w:rsidR="00DB0CAB" w:rsidRDefault="00DB0CAB" w:rsidP="009061BE"/>
    <w:p w14:paraId="5916A14B" w14:textId="59D31AAA" w:rsidR="00DB0CAB" w:rsidRDefault="00DB0CAB" w:rsidP="009061BE"/>
    <w:p w14:paraId="12B2CF44" w14:textId="70C61F91" w:rsidR="00DB0CAB" w:rsidRDefault="00DB0CAB" w:rsidP="009061BE"/>
    <w:p w14:paraId="7BB602E5" w14:textId="109A09E6" w:rsidR="00DB0CAB" w:rsidRDefault="00DB0CAB" w:rsidP="009061BE"/>
    <w:p w14:paraId="205DD6B5" w14:textId="77777777" w:rsidR="00DB0CAB" w:rsidRDefault="00DB0CAB" w:rsidP="009061BE"/>
    <w:p w14:paraId="0A972F15" w14:textId="5C9A5B09" w:rsidR="005F1DF8" w:rsidRDefault="005F1DF8" w:rsidP="00240025">
      <w:pPr>
        <w:pStyle w:val="Nagwek1"/>
      </w:pPr>
      <w:r>
        <w:t>Testy</w:t>
      </w:r>
    </w:p>
    <w:p w14:paraId="1F232239" w14:textId="6D4B564B" w:rsidR="005F1DF8" w:rsidRDefault="005F1DF8" w:rsidP="005F1DF8">
      <w:r>
        <w:t>Parametry bazowe są takie jakie zasugerowane w opisie problemu. Zmienione parametry są podane przed każdym testem. Dodano jeden parametr – potęga do której podnosi się wartość fitness w selekcji ruletkowej. Została dodana w celu zwiększenia ciśnienia selekcyjnego.</w:t>
      </w:r>
    </w:p>
    <w:p w14:paraId="35954C9D" w14:textId="4C15E61D" w:rsidR="005F1DF8" w:rsidRDefault="005F1DF8" w:rsidP="005F1DF8">
      <w:pPr>
        <w:pStyle w:val="Akapitzlist"/>
        <w:numPr>
          <w:ilvl w:val="0"/>
          <w:numId w:val="5"/>
        </w:numPr>
      </w:pPr>
      <w:r>
        <w:t>Populacja: 1000</w:t>
      </w:r>
    </w:p>
    <w:p w14:paraId="7F29C0F8" w14:textId="40EA82D3" w:rsidR="005F1DF8" w:rsidRDefault="005F1DF8" w:rsidP="005F1DF8">
      <w:pPr>
        <w:pStyle w:val="Akapitzlist"/>
        <w:numPr>
          <w:ilvl w:val="0"/>
          <w:numId w:val="5"/>
        </w:numPr>
      </w:pPr>
      <w:r>
        <w:t>Generacje: 100</w:t>
      </w:r>
    </w:p>
    <w:p w14:paraId="7FA9A108" w14:textId="6E5FBADA" w:rsidR="005F1DF8" w:rsidRDefault="005F1DF8" w:rsidP="005F1DF8">
      <w:pPr>
        <w:pStyle w:val="Akapitzlist"/>
        <w:numPr>
          <w:ilvl w:val="0"/>
          <w:numId w:val="5"/>
        </w:numPr>
      </w:pPr>
      <w:r>
        <w:t>Wielkość turnieju: 5</w:t>
      </w:r>
    </w:p>
    <w:p w14:paraId="69904291" w14:textId="2FD678D4" w:rsidR="005F1DF8" w:rsidRDefault="005F1DF8" w:rsidP="005F1DF8">
      <w:pPr>
        <w:pStyle w:val="Akapitzlist"/>
        <w:numPr>
          <w:ilvl w:val="0"/>
          <w:numId w:val="5"/>
        </w:numPr>
      </w:pPr>
      <w:r>
        <w:t>Potęga ruletki: 3</w:t>
      </w:r>
    </w:p>
    <w:p w14:paraId="51E62F70" w14:textId="465DFA3D" w:rsidR="005F1DF8" w:rsidRDefault="005F1DF8" w:rsidP="005F1DF8">
      <w:pPr>
        <w:pStyle w:val="Akapitzlist"/>
        <w:numPr>
          <w:ilvl w:val="0"/>
          <w:numId w:val="5"/>
        </w:numPr>
      </w:pPr>
      <w:r>
        <w:t>Prawdopodobieństwo krzyżowania: 70%</w:t>
      </w:r>
    </w:p>
    <w:p w14:paraId="1E55D3BF" w14:textId="5E0FEAF4" w:rsidR="005F1DF8" w:rsidRDefault="005F1DF8" w:rsidP="005F1DF8">
      <w:pPr>
        <w:pStyle w:val="Akapitzlist"/>
        <w:numPr>
          <w:ilvl w:val="0"/>
          <w:numId w:val="5"/>
        </w:numPr>
      </w:pPr>
      <w:r>
        <w:t xml:space="preserve">Prawdopodobieństwo mutacji </w:t>
      </w:r>
      <w:proofErr w:type="spellStart"/>
      <w:r>
        <w:t>Swap</w:t>
      </w:r>
      <w:proofErr w:type="spellEnd"/>
      <w:r>
        <w:t>: 1%</w:t>
      </w:r>
    </w:p>
    <w:p w14:paraId="23B5850F" w14:textId="02830A98" w:rsidR="005F1DF8" w:rsidRDefault="005F1DF8" w:rsidP="005F1DF8">
      <w:pPr>
        <w:pStyle w:val="Akapitzlist"/>
        <w:numPr>
          <w:ilvl w:val="0"/>
          <w:numId w:val="5"/>
        </w:numPr>
      </w:pPr>
      <w:r>
        <w:t xml:space="preserve">Prawdopodobieństwo mutacji </w:t>
      </w:r>
      <w:proofErr w:type="spellStart"/>
      <w:r>
        <w:t>Inverse</w:t>
      </w:r>
      <w:proofErr w:type="spellEnd"/>
      <w:r>
        <w:t>: 10%</w:t>
      </w:r>
    </w:p>
    <w:p w14:paraId="783A08D6" w14:textId="03C202BB" w:rsidR="00E24643" w:rsidRDefault="00E24643" w:rsidP="005F1DF8">
      <w:pPr>
        <w:pStyle w:val="Akapitzlist"/>
        <w:numPr>
          <w:ilvl w:val="0"/>
          <w:numId w:val="5"/>
        </w:numPr>
      </w:pPr>
      <w:r>
        <w:t>Selektor turniejowy</w:t>
      </w:r>
    </w:p>
    <w:p w14:paraId="44EF73EF" w14:textId="53F32CDC" w:rsidR="00E24643" w:rsidRDefault="00E24643" w:rsidP="005F1DF8">
      <w:pPr>
        <w:pStyle w:val="Akapitzlist"/>
        <w:numPr>
          <w:ilvl w:val="0"/>
          <w:numId w:val="5"/>
        </w:numPr>
      </w:pPr>
      <w:r>
        <w:t>Krzyżowanie OX</w:t>
      </w:r>
    </w:p>
    <w:p w14:paraId="330CE1EB" w14:textId="166A39AE" w:rsidR="00E24643" w:rsidRDefault="00E24643" w:rsidP="005F1DF8">
      <w:pPr>
        <w:pStyle w:val="Akapitzlist"/>
        <w:numPr>
          <w:ilvl w:val="0"/>
          <w:numId w:val="5"/>
        </w:numPr>
      </w:pPr>
      <w:r>
        <w:t>Mutacja INVERSE</w:t>
      </w:r>
    </w:p>
    <w:p w14:paraId="200BC495" w14:textId="5D5CADF4" w:rsidR="005F1DF8" w:rsidRDefault="005F1DF8" w:rsidP="00E24643">
      <w:pPr>
        <w:pStyle w:val="Nagwek2"/>
      </w:pPr>
      <w:r>
        <w:lastRenderedPageBreak/>
        <w:t>Badanie selektorów</w:t>
      </w:r>
    </w:p>
    <w:p w14:paraId="1C9CB8F0" w14:textId="3736037A" w:rsidR="00FC676A" w:rsidRPr="00E24643" w:rsidRDefault="00FC676A" w:rsidP="005F1DF8">
      <w:pPr>
        <w:rPr>
          <w:b/>
          <w:bCs/>
        </w:rPr>
      </w:pPr>
      <w:r w:rsidRPr="00E24643">
        <w:rPr>
          <w:b/>
          <w:bCs/>
        </w:rPr>
        <w:t>Selektor turniejowy</w:t>
      </w:r>
      <w:r w:rsidR="002F1863" w:rsidRPr="00E24643">
        <w:rPr>
          <w:b/>
          <w:bCs/>
        </w:rPr>
        <w:t xml:space="preserve"> – bazowy</w:t>
      </w:r>
      <w:r w:rsidRPr="00E24643">
        <w:rPr>
          <w:b/>
          <w:bCs/>
        </w:rPr>
        <w:t>:</w:t>
      </w:r>
    </w:p>
    <w:tbl>
      <w:tblPr>
        <w:tblStyle w:val="Tabela-Siatka"/>
        <w:tblpPr w:leftFromText="141" w:rightFromText="141" w:vertAnchor="text" w:horzAnchor="margin" w:tblpXSpec="center" w:tblpY="-57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7F1A2D" w14:paraId="15E4AA53" w14:textId="77777777" w:rsidTr="007F1A2D">
        <w:trPr>
          <w:trHeight w:val="388"/>
        </w:trPr>
        <w:tc>
          <w:tcPr>
            <w:tcW w:w="6232" w:type="dxa"/>
            <w:gridSpan w:val="4"/>
          </w:tcPr>
          <w:p w14:paraId="6338D232" w14:textId="77777777" w:rsidR="007F1A2D" w:rsidRDefault="007F1A2D" w:rsidP="007F1A2D">
            <w:pPr>
              <w:jc w:val="center"/>
            </w:pPr>
            <w:r>
              <w:t>Alg. Ewolucyjny [10x]</w:t>
            </w:r>
          </w:p>
        </w:tc>
      </w:tr>
      <w:tr w:rsidR="007F1A2D" w14:paraId="4D2B0BC5" w14:textId="77777777" w:rsidTr="007F1A2D">
        <w:trPr>
          <w:trHeight w:val="408"/>
        </w:trPr>
        <w:tc>
          <w:tcPr>
            <w:tcW w:w="1555" w:type="dxa"/>
          </w:tcPr>
          <w:p w14:paraId="0066E3AF" w14:textId="77777777" w:rsidR="007F1A2D" w:rsidRDefault="007F1A2D" w:rsidP="007F1A2D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06396687" w14:textId="77777777" w:rsidR="007F1A2D" w:rsidRDefault="007F1A2D" w:rsidP="007F1A2D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631EF420" w14:textId="77777777" w:rsidR="007F1A2D" w:rsidRDefault="007F1A2D" w:rsidP="007F1A2D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358868D9" w14:textId="77777777" w:rsidR="007F1A2D" w:rsidRDefault="007F1A2D" w:rsidP="007F1A2D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7F1A2D" w14:paraId="6C353ED3" w14:textId="77777777" w:rsidTr="007F1A2D">
        <w:trPr>
          <w:trHeight w:val="428"/>
        </w:trPr>
        <w:tc>
          <w:tcPr>
            <w:tcW w:w="1555" w:type="dxa"/>
            <w:vAlign w:val="center"/>
          </w:tcPr>
          <w:p w14:paraId="076F7497" w14:textId="09AF6A86" w:rsidR="007F1A2D" w:rsidRPr="002F1863" w:rsidRDefault="00FC7C4F" w:rsidP="007F1A2D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4477,36</w:t>
            </w:r>
          </w:p>
        </w:tc>
        <w:tc>
          <w:tcPr>
            <w:tcW w:w="1559" w:type="dxa"/>
            <w:vAlign w:val="center"/>
          </w:tcPr>
          <w:p w14:paraId="59D8672C" w14:textId="2CAC35E9" w:rsidR="007F1A2D" w:rsidRPr="002F1863" w:rsidRDefault="00FC7C4F" w:rsidP="007F1A2D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3008,65</w:t>
            </w:r>
          </w:p>
        </w:tc>
        <w:tc>
          <w:tcPr>
            <w:tcW w:w="1559" w:type="dxa"/>
            <w:vAlign w:val="center"/>
          </w:tcPr>
          <w:p w14:paraId="5DFAE42A" w14:textId="4368DEAC" w:rsidR="007F1A2D" w:rsidRPr="00085B54" w:rsidRDefault="00FC7C4F" w:rsidP="007F1A2D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493,63</w:t>
            </w:r>
          </w:p>
        </w:tc>
        <w:tc>
          <w:tcPr>
            <w:tcW w:w="1559" w:type="dxa"/>
            <w:vAlign w:val="center"/>
          </w:tcPr>
          <w:p w14:paraId="7D100FA6" w14:textId="6BC3EE12" w:rsidR="007F1A2D" w:rsidRPr="00085B54" w:rsidRDefault="001968EE" w:rsidP="007F1A2D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558,2</w:t>
            </w:r>
          </w:p>
        </w:tc>
      </w:tr>
    </w:tbl>
    <w:p w14:paraId="3F29B384" w14:textId="77777777" w:rsidR="002F1863" w:rsidRDefault="002F1863" w:rsidP="005F1DF8"/>
    <w:p w14:paraId="1E70CE12" w14:textId="77777777" w:rsidR="007F1A2D" w:rsidRDefault="007F1A2D" w:rsidP="005F1DF8"/>
    <w:p w14:paraId="19E15215" w14:textId="77777777" w:rsidR="007F1A2D" w:rsidRDefault="007F1A2D" w:rsidP="005F1DF8"/>
    <w:p w14:paraId="5C1FFDF0" w14:textId="44D44312" w:rsidR="007F1A2D" w:rsidRPr="00240025" w:rsidRDefault="004E0CDC" w:rsidP="005F1DF8">
      <w:r>
        <w:rPr>
          <w:noProof/>
        </w:rPr>
        <w:drawing>
          <wp:inline distT="0" distB="0" distL="0" distR="0" wp14:anchorId="07041A0F" wp14:editId="51F271AC">
            <wp:extent cx="5760720" cy="2724150"/>
            <wp:effectExtent l="0" t="0" r="11430" b="0"/>
            <wp:docPr id="1" name="Wykres 1">
              <a:extLst xmlns:a="http://schemas.openxmlformats.org/drawingml/2006/main">
                <a:ext uri="{FF2B5EF4-FFF2-40B4-BE49-F238E27FC236}">
                  <a16:creationId xmlns:a16="http://schemas.microsoft.com/office/drawing/2014/main" id="{54D2952E-453C-21A9-3DAF-9D15BF2BC567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5"/>
              </a:graphicData>
            </a:graphic>
          </wp:inline>
        </w:drawing>
      </w:r>
    </w:p>
    <w:p w14:paraId="33BB9DF8" w14:textId="77777777" w:rsidR="00340385" w:rsidRDefault="00340385" w:rsidP="005F1DF8">
      <w:pPr>
        <w:rPr>
          <w:b/>
          <w:bCs/>
        </w:rPr>
      </w:pPr>
    </w:p>
    <w:tbl>
      <w:tblPr>
        <w:tblStyle w:val="Tabela-Siatka"/>
        <w:tblpPr w:leftFromText="141" w:rightFromText="141" w:vertAnchor="text" w:horzAnchor="margin" w:tblpXSpec="center" w:tblpY="414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6234D6" w14:paraId="1CB89B3B" w14:textId="77777777" w:rsidTr="006234D6">
        <w:trPr>
          <w:trHeight w:val="388"/>
        </w:trPr>
        <w:tc>
          <w:tcPr>
            <w:tcW w:w="6232" w:type="dxa"/>
            <w:gridSpan w:val="4"/>
          </w:tcPr>
          <w:p w14:paraId="64F16B92" w14:textId="77777777" w:rsidR="006234D6" w:rsidRDefault="006234D6" w:rsidP="006234D6">
            <w:pPr>
              <w:jc w:val="center"/>
            </w:pPr>
            <w:r>
              <w:t>Alg. Ewolucyjny [10x]</w:t>
            </w:r>
          </w:p>
        </w:tc>
      </w:tr>
      <w:tr w:rsidR="006234D6" w14:paraId="42A8C483" w14:textId="77777777" w:rsidTr="006234D6">
        <w:trPr>
          <w:trHeight w:val="408"/>
        </w:trPr>
        <w:tc>
          <w:tcPr>
            <w:tcW w:w="1555" w:type="dxa"/>
          </w:tcPr>
          <w:p w14:paraId="7127DC14" w14:textId="77777777" w:rsidR="006234D6" w:rsidRDefault="006234D6" w:rsidP="006234D6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2132ED91" w14:textId="77777777" w:rsidR="006234D6" w:rsidRDefault="006234D6" w:rsidP="006234D6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39D0A8B8" w14:textId="77777777" w:rsidR="006234D6" w:rsidRDefault="006234D6" w:rsidP="006234D6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14E57AE8" w14:textId="77777777" w:rsidR="006234D6" w:rsidRDefault="006234D6" w:rsidP="006234D6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6234D6" w14:paraId="1FB4A9F9" w14:textId="77777777" w:rsidTr="006234D6">
        <w:trPr>
          <w:trHeight w:val="428"/>
        </w:trPr>
        <w:tc>
          <w:tcPr>
            <w:tcW w:w="1555" w:type="dxa"/>
            <w:vAlign w:val="center"/>
          </w:tcPr>
          <w:p w14:paraId="5F87B233" w14:textId="6E3B3D08" w:rsidR="006234D6" w:rsidRPr="002F1863" w:rsidRDefault="003126D5" w:rsidP="006234D6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4672,05</w:t>
            </w:r>
          </w:p>
        </w:tc>
        <w:tc>
          <w:tcPr>
            <w:tcW w:w="1559" w:type="dxa"/>
            <w:vAlign w:val="center"/>
          </w:tcPr>
          <w:p w14:paraId="73CC3BD8" w14:textId="471F9921" w:rsidR="006234D6" w:rsidRPr="002F1863" w:rsidRDefault="00805A35" w:rsidP="006234D6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31289,35</w:t>
            </w:r>
          </w:p>
        </w:tc>
        <w:tc>
          <w:tcPr>
            <w:tcW w:w="1559" w:type="dxa"/>
            <w:vAlign w:val="center"/>
          </w:tcPr>
          <w:p w14:paraId="7D20CE31" w14:textId="7D978C85" w:rsidR="006234D6" w:rsidRPr="00085B54" w:rsidRDefault="00805A35" w:rsidP="006234D6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723,51</w:t>
            </w:r>
          </w:p>
        </w:tc>
        <w:tc>
          <w:tcPr>
            <w:tcW w:w="1559" w:type="dxa"/>
            <w:vAlign w:val="center"/>
          </w:tcPr>
          <w:p w14:paraId="6E933066" w14:textId="6E60CCF8" w:rsidR="006234D6" w:rsidRPr="00085B54" w:rsidRDefault="003126D5" w:rsidP="006234D6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798,29</w:t>
            </w:r>
          </w:p>
        </w:tc>
      </w:tr>
    </w:tbl>
    <w:p w14:paraId="39E69436" w14:textId="70E9851A" w:rsidR="002F1863" w:rsidRDefault="002F1863" w:rsidP="005F1DF8">
      <w:pPr>
        <w:rPr>
          <w:b/>
          <w:bCs/>
        </w:rPr>
      </w:pPr>
      <w:r w:rsidRPr="00E24643">
        <w:rPr>
          <w:b/>
          <w:bCs/>
        </w:rPr>
        <w:t>Selektor turniejowy – wielkość turnieju: 10:</w:t>
      </w:r>
    </w:p>
    <w:p w14:paraId="49A439DF" w14:textId="3C4CEA91" w:rsidR="006234D6" w:rsidRDefault="006234D6" w:rsidP="005F1DF8">
      <w:pPr>
        <w:rPr>
          <w:b/>
          <w:bCs/>
        </w:rPr>
      </w:pPr>
    </w:p>
    <w:p w14:paraId="6DCF8C3F" w14:textId="4E444958" w:rsidR="006234D6" w:rsidRDefault="006234D6" w:rsidP="005F1DF8">
      <w:pPr>
        <w:rPr>
          <w:b/>
          <w:bCs/>
        </w:rPr>
      </w:pPr>
    </w:p>
    <w:p w14:paraId="66F472FE" w14:textId="77777777" w:rsidR="006234D6" w:rsidRPr="00E24643" w:rsidRDefault="006234D6" w:rsidP="005F1DF8">
      <w:pPr>
        <w:rPr>
          <w:b/>
          <w:bCs/>
        </w:rPr>
      </w:pPr>
    </w:p>
    <w:p w14:paraId="6C35F82A" w14:textId="17B5A221" w:rsidR="005D1BD4" w:rsidRDefault="00340385" w:rsidP="005F1DF8">
      <w:r>
        <w:rPr>
          <w:noProof/>
        </w:rPr>
        <w:drawing>
          <wp:inline distT="0" distB="0" distL="0" distR="0" wp14:anchorId="3FBF45CC" wp14:editId="5CFFB2F1">
            <wp:extent cx="5760720" cy="2724150"/>
            <wp:effectExtent l="0" t="0" r="11430" b="0"/>
            <wp:docPr id="14" name="Wykres 14">
              <a:extLst xmlns:a="http://schemas.openxmlformats.org/drawingml/2006/main">
                <a:ext uri="{FF2B5EF4-FFF2-40B4-BE49-F238E27FC236}">
                  <a16:creationId xmlns:a16="http://schemas.microsoft.com/office/drawing/2014/main" id="{889EC848-1AA5-41C0-74D7-A87CBB7596C7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6"/>
              </a:graphicData>
            </a:graphic>
          </wp:inline>
        </w:drawing>
      </w:r>
    </w:p>
    <w:tbl>
      <w:tblPr>
        <w:tblStyle w:val="Tabela-Siatka"/>
        <w:tblpPr w:leftFromText="141" w:rightFromText="141" w:vertAnchor="text" w:horzAnchor="margin" w:tblpXSpec="center" w:tblpY="500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6234D6" w14:paraId="773C4504" w14:textId="77777777" w:rsidTr="006234D6">
        <w:trPr>
          <w:trHeight w:val="388"/>
        </w:trPr>
        <w:tc>
          <w:tcPr>
            <w:tcW w:w="6232" w:type="dxa"/>
            <w:gridSpan w:val="4"/>
          </w:tcPr>
          <w:p w14:paraId="74CCFE14" w14:textId="77777777" w:rsidR="006234D6" w:rsidRDefault="006234D6" w:rsidP="006234D6">
            <w:pPr>
              <w:jc w:val="center"/>
            </w:pPr>
            <w:r>
              <w:lastRenderedPageBreak/>
              <w:t>Alg. Ewolucyjny [10x]</w:t>
            </w:r>
          </w:p>
        </w:tc>
      </w:tr>
      <w:tr w:rsidR="006234D6" w14:paraId="0A43FB4F" w14:textId="77777777" w:rsidTr="006234D6">
        <w:trPr>
          <w:trHeight w:val="408"/>
        </w:trPr>
        <w:tc>
          <w:tcPr>
            <w:tcW w:w="1555" w:type="dxa"/>
          </w:tcPr>
          <w:p w14:paraId="5E309F1D" w14:textId="77777777" w:rsidR="006234D6" w:rsidRDefault="006234D6" w:rsidP="006234D6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0A5514B3" w14:textId="77777777" w:rsidR="006234D6" w:rsidRDefault="006234D6" w:rsidP="006234D6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7D07BF7C" w14:textId="77777777" w:rsidR="006234D6" w:rsidRDefault="006234D6" w:rsidP="006234D6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2D49FB8C" w14:textId="77777777" w:rsidR="006234D6" w:rsidRDefault="006234D6" w:rsidP="006234D6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6234D6" w14:paraId="093DFA18" w14:textId="77777777" w:rsidTr="006234D6">
        <w:trPr>
          <w:trHeight w:val="428"/>
        </w:trPr>
        <w:tc>
          <w:tcPr>
            <w:tcW w:w="1555" w:type="dxa"/>
            <w:vAlign w:val="center"/>
          </w:tcPr>
          <w:p w14:paraId="6D0CCA2E" w14:textId="1A8AA3F7" w:rsidR="006234D6" w:rsidRPr="002F1863" w:rsidRDefault="00C57B6D" w:rsidP="006234D6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6072,11</w:t>
            </w:r>
          </w:p>
        </w:tc>
        <w:tc>
          <w:tcPr>
            <w:tcW w:w="1559" w:type="dxa"/>
            <w:vAlign w:val="center"/>
          </w:tcPr>
          <w:p w14:paraId="1EB547AA" w14:textId="57F64B1D" w:rsidR="006234D6" w:rsidRPr="002F1863" w:rsidRDefault="00C57B6D" w:rsidP="006234D6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65929,06</w:t>
            </w:r>
          </w:p>
        </w:tc>
        <w:tc>
          <w:tcPr>
            <w:tcW w:w="1559" w:type="dxa"/>
            <w:vAlign w:val="center"/>
          </w:tcPr>
          <w:p w14:paraId="2B8B0F77" w14:textId="7B4B79CB" w:rsidR="006234D6" w:rsidRPr="00085B54" w:rsidRDefault="00C03EE1" w:rsidP="006234D6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9161,28</w:t>
            </w:r>
          </w:p>
        </w:tc>
        <w:tc>
          <w:tcPr>
            <w:tcW w:w="1559" w:type="dxa"/>
            <w:vAlign w:val="center"/>
          </w:tcPr>
          <w:p w14:paraId="10DCFF62" w14:textId="2DA18670" w:rsidR="006234D6" w:rsidRPr="00085B54" w:rsidRDefault="00C03EE1" w:rsidP="006234D6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1440,95</w:t>
            </w:r>
          </w:p>
        </w:tc>
      </w:tr>
    </w:tbl>
    <w:p w14:paraId="75281CE3" w14:textId="576CF95E" w:rsidR="006234D6" w:rsidRPr="00E24643" w:rsidRDefault="00E24643" w:rsidP="005F1DF8">
      <w:pPr>
        <w:rPr>
          <w:b/>
          <w:bCs/>
        </w:rPr>
      </w:pPr>
      <w:r w:rsidRPr="00E24643">
        <w:rPr>
          <w:b/>
          <w:bCs/>
        </w:rPr>
        <w:t>Selektor ruletkowy – bazowy:</w:t>
      </w:r>
    </w:p>
    <w:p w14:paraId="7368D490" w14:textId="716455E0" w:rsidR="002F1863" w:rsidRDefault="002F1863" w:rsidP="005F1DF8"/>
    <w:p w14:paraId="2E5D20EC" w14:textId="0AA767FD" w:rsidR="00E24643" w:rsidRDefault="00E24643" w:rsidP="005F1DF8"/>
    <w:p w14:paraId="534D0A68" w14:textId="77777777" w:rsidR="006234D6" w:rsidRDefault="006234D6" w:rsidP="005F1DF8"/>
    <w:p w14:paraId="1E587E7D" w14:textId="1F29A7D8" w:rsidR="00FD4C80" w:rsidRDefault="006234D6" w:rsidP="005F1DF8">
      <w:r>
        <w:rPr>
          <w:noProof/>
        </w:rPr>
        <w:drawing>
          <wp:anchor distT="0" distB="0" distL="114300" distR="114300" simplePos="0" relativeHeight="251658240" behindDoc="0" locked="0" layoutInCell="1" allowOverlap="1" wp14:anchorId="2DC9BBAC" wp14:editId="1A436867">
            <wp:simplePos x="0" y="0"/>
            <wp:positionH relativeFrom="margin">
              <wp:align>left</wp:align>
            </wp:positionH>
            <wp:positionV relativeFrom="paragraph">
              <wp:posOffset>177800</wp:posOffset>
            </wp:positionV>
            <wp:extent cx="5760720" cy="2819400"/>
            <wp:effectExtent l="0" t="0" r="11430" b="0"/>
            <wp:wrapNone/>
            <wp:docPr id="15" name="Wykres 15">
              <a:extLst xmlns:a="http://schemas.openxmlformats.org/drawingml/2006/main">
                <a:ext uri="{FF2B5EF4-FFF2-40B4-BE49-F238E27FC236}">
                  <a16:creationId xmlns:a16="http://schemas.microsoft.com/office/drawing/2014/main" id="{18FAA68A-60C6-9C7F-D060-C904F24AB38E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7"/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7E4DCA85" w14:textId="13FE9195" w:rsidR="00FD4C80" w:rsidRDefault="00FD4C80" w:rsidP="005F1DF8"/>
    <w:p w14:paraId="3E01DFFB" w14:textId="77777777" w:rsidR="000C089B" w:rsidRDefault="000C089B" w:rsidP="005F1DF8"/>
    <w:p w14:paraId="29CBC29D" w14:textId="62E811AC" w:rsidR="00FD4C80" w:rsidRDefault="00FD4C80" w:rsidP="005F1DF8"/>
    <w:p w14:paraId="7BFADF9A" w14:textId="0A6C6E48" w:rsidR="006234D6" w:rsidRDefault="006234D6" w:rsidP="005F1DF8"/>
    <w:p w14:paraId="7CCF647E" w14:textId="3B4F39A6" w:rsidR="006234D6" w:rsidRDefault="006234D6" w:rsidP="005F1DF8"/>
    <w:p w14:paraId="69636327" w14:textId="24DFC4CF" w:rsidR="006234D6" w:rsidRDefault="006234D6" w:rsidP="005F1DF8"/>
    <w:p w14:paraId="378DF36B" w14:textId="1C18CEB4" w:rsidR="006234D6" w:rsidRDefault="006234D6" w:rsidP="005F1DF8"/>
    <w:p w14:paraId="7EBEA2EF" w14:textId="727D98F7" w:rsidR="00240025" w:rsidRDefault="00240025" w:rsidP="005F1DF8"/>
    <w:p w14:paraId="57623C88" w14:textId="77777777" w:rsidR="00240025" w:rsidRDefault="00240025" w:rsidP="005F1DF8"/>
    <w:p w14:paraId="794D31C5" w14:textId="77777777" w:rsidR="00FD4C80" w:rsidRDefault="00FD4C80" w:rsidP="005F1DF8"/>
    <w:p w14:paraId="2C0D6E63" w14:textId="0004022F" w:rsidR="00E24643" w:rsidRDefault="00E24643" w:rsidP="005F1DF8">
      <w:pPr>
        <w:rPr>
          <w:b/>
          <w:bCs/>
        </w:rPr>
      </w:pPr>
      <w:r w:rsidRPr="00E24643">
        <w:rPr>
          <w:b/>
          <w:bCs/>
        </w:rPr>
        <w:t xml:space="preserve">Selektor ruletkowy – </w:t>
      </w:r>
      <w:r>
        <w:rPr>
          <w:b/>
          <w:bCs/>
        </w:rPr>
        <w:t>potęga ruletki: 5:</w:t>
      </w:r>
    </w:p>
    <w:tbl>
      <w:tblPr>
        <w:tblStyle w:val="Tabela-Siatka"/>
        <w:tblpPr w:leftFromText="141" w:rightFromText="141" w:vertAnchor="text" w:horzAnchor="margin" w:tblpXSpec="center" w:tblpY="-65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3D646D0D" w14:textId="77777777" w:rsidTr="0058611B">
        <w:trPr>
          <w:trHeight w:val="388"/>
        </w:trPr>
        <w:tc>
          <w:tcPr>
            <w:tcW w:w="6232" w:type="dxa"/>
            <w:gridSpan w:val="4"/>
          </w:tcPr>
          <w:p w14:paraId="45D9537B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6BC48324" w14:textId="77777777" w:rsidTr="0058611B">
        <w:trPr>
          <w:trHeight w:val="408"/>
        </w:trPr>
        <w:tc>
          <w:tcPr>
            <w:tcW w:w="1555" w:type="dxa"/>
          </w:tcPr>
          <w:p w14:paraId="50B86C01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4E144BDD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7BAF2D88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0A72A8DB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C03EE1" w14:paraId="3F27AD22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6CE7F503" w14:textId="49A2BD51" w:rsidR="00C03EE1" w:rsidRPr="002F1863" w:rsidRDefault="00C03EE1" w:rsidP="00C03EE1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1304,54</w:t>
            </w:r>
          </w:p>
        </w:tc>
        <w:tc>
          <w:tcPr>
            <w:tcW w:w="1559" w:type="dxa"/>
            <w:vAlign w:val="center"/>
          </w:tcPr>
          <w:p w14:paraId="19AF5486" w14:textId="225E8C7F" w:rsidR="00C03EE1" w:rsidRPr="002F1863" w:rsidRDefault="00C03EE1" w:rsidP="00C03EE1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4424,11</w:t>
            </w:r>
          </w:p>
        </w:tc>
        <w:tc>
          <w:tcPr>
            <w:tcW w:w="1559" w:type="dxa"/>
            <w:vAlign w:val="center"/>
          </w:tcPr>
          <w:p w14:paraId="764A69D3" w14:textId="6D6C1803" w:rsidR="00C03EE1" w:rsidRPr="00085B54" w:rsidRDefault="00C03EE1" w:rsidP="00C03EE1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3284,25</w:t>
            </w:r>
          </w:p>
        </w:tc>
        <w:tc>
          <w:tcPr>
            <w:tcW w:w="1559" w:type="dxa"/>
            <w:vAlign w:val="center"/>
          </w:tcPr>
          <w:p w14:paraId="1FCAB8FE" w14:textId="0B95A597" w:rsidR="00C03EE1" w:rsidRPr="00085B54" w:rsidRDefault="00C03EE1" w:rsidP="00C03EE1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1196,41</w:t>
            </w:r>
          </w:p>
        </w:tc>
      </w:tr>
    </w:tbl>
    <w:p w14:paraId="0D85E723" w14:textId="7029C86A" w:rsidR="00E24643" w:rsidRDefault="00E24643" w:rsidP="005F1DF8"/>
    <w:p w14:paraId="0DFA8D43" w14:textId="6009F577" w:rsidR="0058611B" w:rsidRDefault="0058611B" w:rsidP="005F1DF8"/>
    <w:p w14:paraId="791AC3EC" w14:textId="77777777" w:rsidR="0058611B" w:rsidRDefault="0058611B" w:rsidP="005F1DF8"/>
    <w:p w14:paraId="0329F1C5" w14:textId="7D3FB09F" w:rsidR="00E24643" w:rsidRDefault="000C089B" w:rsidP="005F1DF8">
      <w:r>
        <w:rPr>
          <w:noProof/>
        </w:rPr>
        <w:drawing>
          <wp:inline distT="0" distB="0" distL="0" distR="0" wp14:anchorId="0F67B701" wp14:editId="5880B120">
            <wp:extent cx="5760720" cy="2647950"/>
            <wp:effectExtent l="0" t="0" r="11430" b="0"/>
            <wp:docPr id="16" name="Wykres 16">
              <a:extLst xmlns:a="http://schemas.openxmlformats.org/drawingml/2006/main">
                <a:ext uri="{FF2B5EF4-FFF2-40B4-BE49-F238E27FC236}">
                  <a16:creationId xmlns:a16="http://schemas.microsoft.com/office/drawing/2014/main" id="{1351CDB1-4772-5604-1692-241C3A8815D8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8"/>
              </a:graphicData>
            </a:graphic>
          </wp:inline>
        </w:drawing>
      </w:r>
    </w:p>
    <w:p w14:paraId="5FF776A4" w14:textId="61F1D1B1" w:rsidR="006D4913" w:rsidRPr="00012050" w:rsidRDefault="006D4913" w:rsidP="005F1DF8">
      <w:pPr>
        <w:rPr>
          <w:b/>
          <w:bCs/>
        </w:rPr>
      </w:pPr>
      <w:r w:rsidRPr="00012050">
        <w:rPr>
          <w:b/>
          <w:bCs/>
        </w:rPr>
        <w:t>Wnioski z porównania selektorów:</w:t>
      </w:r>
    </w:p>
    <w:p w14:paraId="36B9B454" w14:textId="38919085" w:rsidR="00012050" w:rsidRDefault="00C57B6D" w:rsidP="005F1DF8">
      <w:r>
        <w:t>Selektor turniejowy jest znacznie lepszym selektorem</w:t>
      </w:r>
      <w:r w:rsidR="00EA7D87">
        <w:t xml:space="preserve">, jest też mniej </w:t>
      </w:r>
      <w:proofErr w:type="spellStart"/>
      <w:r w:rsidR="00EA7D87">
        <w:t>zasobo</w:t>
      </w:r>
      <w:proofErr w:type="spellEnd"/>
      <w:r w:rsidR="00EA7D87">
        <w:t>-chłonny</w:t>
      </w:r>
    </w:p>
    <w:p w14:paraId="0468ECED" w14:textId="058A7ABE" w:rsidR="00012050" w:rsidRDefault="00012050" w:rsidP="00012050">
      <w:pPr>
        <w:pStyle w:val="Nagwek2"/>
      </w:pPr>
      <w:r>
        <w:lastRenderedPageBreak/>
        <w:t>Badanie krzyżowań</w:t>
      </w:r>
    </w:p>
    <w:tbl>
      <w:tblPr>
        <w:tblStyle w:val="Tabela-Siatka"/>
        <w:tblpPr w:leftFromText="141" w:rightFromText="141" w:vertAnchor="text" w:horzAnchor="margin" w:tblpXSpec="center" w:tblpY="357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1154777C" w14:textId="77777777" w:rsidTr="0058611B">
        <w:trPr>
          <w:trHeight w:val="388"/>
        </w:trPr>
        <w:tc>
          <w:tcPr>
            <w:tcW w:w="6232" w:type="dxa"/>
            <w:gridSpan w:val="4"/>
          </w:tcPr>
          <w:p w14:paraId="524A8EC8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28BAA5C2" w14:textId="77777777" w:rsidTr="0058611B">
        <w:trPr>
          <w:trHeight w:val="408"/>
        </w:trPr>
        <w:tc>
          <w:tcPr>
            <w:tcW w:w="1555" w:type="dxa"/>
          </w:tcPr>
          <w:p w14:paraId="707887F1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5B0415B8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46C226B5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2153D90E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58611B" w14:paraId="5707EA14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1B75DBBF" w14:textId="481BB37D" w:rsidR="0058611B" w:rsidRPr="002F1863" w:rsidRDefault="00DB0CAB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4963,01</w:t>
            </w:r>
          </w:p>
        </w:tc>
        <w:tc>
          <w:tcPr>
            <w:tcW w:w="1559" w:type="dxa"/>
            <w:vAlign w:val="center"/>
          </w:tcPr>
          <w:p w14:paraId="137BE0D1" w14:textId="3FB97D80" w:rsidR="0058611B" w:rsidRPr="002F1863" w:rsidRDefault="00DB0CAB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3648,05</w:t>
            </w:r>
          </w:p>
        </w:tc>
        <w:tc>
          <w:tcPr>
            <w:tcW w:w="1559" w:type="dxa"/>
            <w:vAlign w:val="center"/>
          </w:tcPr>
          <w:p w14:paraId="126C6EC5" w14:textId="25897B8F" w:rsidR="0058611B" w:rsidRPr="00085B54" w:rsidRDefault="00DB0CAB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730,90</w:t>
            </w:r>
          </w:p>
        </w:tc>
        <w:tc>
          <w:tcPr>
            <w:tcW w:w="1559" w:type="dxa"/>
            <w:vAlign w:val="center"/>
          </w:tcPr>
          <w:p w14:paraId="64E241EC" w14:textId="524845EC" w:rsidR="0058611B" w:rsidRPr="00085B54" w:rsidRDefault="00DB0CAB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390,50</w:t>
            </w:r>
          </w:p>
        </w:tc>
      </w:tr>
    </w:tbl>
    <w:p w14:paraId="2C936C5E" w14:textId="58F51BB3" w:rsidR="00012050" w:rsidRPr="001909EB" w:rsidRDefault="0096387B" w:rsidP="00012050">
      <w:pPr>
        <w:rPr>
          <w:b/>
          <w:bCs/>
        </w:rPr>
      </w:pPr>
      <w:r w:rsidRPr="001909EB">
        <w:rPr>
          <w:b/>
          <w:bCs/>
        </w:rPr>
        <w:t>Krzyżowanie OX – bazowe:</w:t>
      </w:r>
    </w:p>
    <w:p w14:paraId="4E347F3D" w14:textId="65ABD7F5" w:rsidR="0096387B" w:rsidRDefault="0096387B" w:rsidP="00012050"/>
    <w:p w14:paraId="0C88B1EA" w14:textId="731E24AA" w:rsidR="0058611B" w:rsidRDefault="0058611B" w:rsidP="00012050"/>
    <w:p w14:paraId="6671729C" w14:textId="77777777" w:rsidR="0058611B" w:rsidRDefault="0058611B" w:rsidP="00012050"/>
    <w:p w14:paraId="4322D534" w14:textId="79038644" w:rsidR="001D17C8" w:rsidRPr="001909EB" w:rsidRDefault="001D17C8" w:rsidP="00012050">
      <w:r>
        <w:rPr>
          <w:noProof/>
        </w:rPr>
        <w:drawing>
          <wp:inline distT="0" distB="0" distL="0" distR="0" wp14:anchorId="1A63077F" wp14:editId="41B45E9F">
            <wp:extent cx="5760720" cy="2876550"/>
            <wp:effectExtent l="0" t="0" r="11430" b="0"/>
            <wp:docPr id="9" name="Wykres 9">
              <a:extLst xmlns:a="http://schemas.openxmlformats.org/drawingml/2006/main">
                <a:ext uri="{FF2B5EF4-FFF2-40B4-BE49-F238E27FC236}">
                  <a16:creationId xmlns:a16="http://schemas.microsoft.com/office/drawing/2014/main" id="{4C07B1A0-9FAA-F2C1-1A6D-DBF80C7FC2F9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9"/>
              </a:graphicData>
            </a:graphic>
          </wp:inline>
        </w:drawing>
      </w:r>
    </w:p>
    <w:p w14:paraId="25BAB05D" w14:textId="47E3BBD6" w:rsidR="0058611B" w:rsidRPr="001909EB" w:rsidRDefault="0096387B" w:rsidP="00012050">
      <w:pPr>
        <w:rPr>
          <w:b/>
          <w:bCs/>
        </w:rPr>
      </w:pPr>
      <w:r w:rsidRPr="001909EB">
        <w:rPr>
          <w:b/>
          <w:bCs/>
        </w:rPr>
        <w:t xml:space="preserve">Krzyżowanie OX – prawdopodobieństwo </w:t>
      </w:r>
      <w:r w:rsidR="00256364">
        <w:rPr>
          <w:b/>
          <w:bCs/>
        </w:rPr>
        <w:t>6</w:t>
      </w:r>
      <w:r w:rsidRPr="001909EB">
        <w:rPr>
          <w:b/>
          <w:bCs/>
        </w:rPr>
        <w:t>0%:</w:t>
      </w:r>
    </w:p>
    <w:tbl>
      <w:tblPr>
        <w:tblStyle w:val="Tabela-Siatka"/>
        <w:tblpPr w:leftFromText="141" w:rightFromText="141" w:vertAnchor="text" w:horzAnchor="margin" w:tblpXSpec="center" w:tblpY="-63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25BF6B4F" w14:textId="77777777" w:rsidTr="0058611B">
        <w:trPr>
          <w:trHeight w:val="388"/>
        </w:trPr>
        <w:tc>
          <w:tcPr>
            <w:tcW w:w="6232" w:type="dxa"/>
            <w:gridSpan w:val="4"/>
          </w:tcPr>
          <w:p w14:paraId="6BEAB219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298AC6CD" w14:textId="77777777" w:rsidTr="0058611B">
        <w:trPr>
          <w:trHeight w:val="408"/>
        </w:trPr>
        <w:tc>
          <w:tcPr>
            <w:tcW w:w="1555" w:type="dxa"/>
          </w:tcPr>
          <w:p w14:paraId="3B8483DA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65C306FA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05EF9B49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5424F9AA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58611B" w14:paraId="258FC0E6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4BF96A5B" w14:textId="0994FCB6" w:rsidR="0058611B" w:rsidRPr="002F1863" w:rsidRDefault="00256364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773,34</w:t>
            </w:r>
          </w:p>
        </w:tc>
        <w:tc>
          <w:tcPr>
            <w:tcW w:w="1559" w:type="dxa"/>
            <w:vAlign w:val="center"/>
          </w:tcPr>
          <w:p w14:paraId="3A7214A1" w14:textId="5A57243B" w:rsidR="0058611B" w:rsidRPr="002F1863" w:rsidRDefault="00256364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6913,09</w:t>
            </w:r>
          </w:p>
        </w:tc>
        <w:tc>
          <w:tcPr>
            <w:tcW w:w="1559" w:type="dxa"/>
            <w:vAlign w:val="center"/>
          </w:tcPr>
          <w:p w14:paraId="458E29B9" w14:textId="7DF74B96" w:rsidR="0058611B" w:rsidRPr="00085B54" w:rsidRDefault="00256364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7140,60</w:t>
            </w:r>
          </w:p>
        </w:tc>
        <w:tc>
          <w:tcPr>
            <w:tcW w:w="1559" w:type="dxa"/>
            <w:vAlign w:val="center"/>
          </w:tcPr>
          <w:p w14:paraId="79E371C0" w14:textId="04256568" w:rsidR="0058611B" w:rsidRPr="00085B54" w:rsidRDefault="00256364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617,72</w:t>
            </w:r>
          </w:p>
        </w:tc>
      </w:tr>
    </w:tbl>
    <w:p w14:paraId="10752E8D" w14:textId="53E8D185" w:rsidR="0096387B" w:rsidRPr="001909EB" w:rsidRDefault="0096387B" w:rsidP="00012050">
      <w:pPr>
        <w:rPr>
          <w:b/>
          <w:bCs/>
        </w:rPr>
      </w:pPr>
    </w:p>
    <w:p w14:paraId="448268FB" w14:textId="16E7EBA2" w:rsidR="0096387B" w:rsidRDefault="0096387B" w:rsidP="0096387B"/>
    <w:p w14:paraId="5A47628B" w14:textId="77777777" w:rsidR="0058611B" w:rsidRDefault="0058611B" w:rsidP="0096387B"/>
    <w:p w14:paraId="16A45577" w14:textId="5D3D2E20" w:rsidR="001D17C8" w:rsidRPr="001909EB" w:rsidRDefault="0066050B" w:rsidP="0096387B">
      <w:r>
        <w:rPr>
          <w:noProof/>
        </w:rPr>
        <w:drawing>
          <wp:inline distT="0" distB="0" distL="0" distR="0" wp14:anchorId="0F1F61E9" wp14:editId="2709098B">
            <wp:extent cx="5760720" cy="2790825"/>
            <wp:effectExtent l="0" t="0" r="11430" b="9525"/>
            <wp:docPr id="11" name="Wykres 11">
              <a:extLst xmlns:a="http://schemas.openxmlformats.org/drawingml/2006/main">
                <a:ext uri="{FF2B5EF4-FFF2-40B4-BE49-F238E27FC236}">
                  <a16:creationId xmlns:a16="http://schemas.microsoft.com/office/drawing/2014/main" id="{E70A83F3-F56C-2B48-2806-DDCBF485769D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0"/>
              </a:graphicData>
            </a:graphic>
          </wp:inline>
        </w:drawing>
      </w:r>
    </w:p>
    <w:p w14:paraId="2A4D9461" w14:textId="77777777" w:rsidR="0058611B" w:rsidRDefault="0058611B" w:rsidP="00012050">
      <w:pPr>
        <w:rPr>
          <w:b/>
          <w:bCs/>
        </w:rPr>
      </w:pPr>
    </w:p>
    <w:p w14:paraId="6D4C82A9" w14:textId="77777777" w:rsidR="0058611B" w:rsidRDefault="0058611B" w:rsidP="00012050">
      <w:pPr>
        <w:rPr>
          <w:b/>
          <w:bCs/>
        </w:rPr>
      </w:pPr>
    </w:p>
    <w:p w14:paraId="34701E10" w14:textId="7D42232D" w:rsidR="001909EB" w:rsidRPr="001909EB" w:rsidRDefault="0096387B" w:rsidP="00012050">
      <w:pPr>
        <w:rPr>
          <w:b/>
          <w:bCs/>
        </w:rPr>
      </w:pPr>
      <w:r w:rsidRPr="001909EB">
        <w:rPr>
          <w:b/>
          <w:bCs/>
        </w:rPr>
        <w:lastRenderedPageBreak/>
        <w:t>Krzyżowanie OX – prawdopodobieństwo 80%:</w:t>
      </w:r>
    </w:p>
    <w:tbl>
      <w:tblPr>
        <w:tblStyle w:val="Tabela-Siatka"/>
        <w:tblpPr w:leftFromText="141" w:rightFromText="141" w:vertAnchor="text" w:horzAnchor="margin" w:tblpXSpec="center" w:tblpY="-65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32EF8E51" w14:textId="77777777" w:rsidTr="0058611B">
        <w:trPr>
          <w:trHeight w:val="388"/>
        </w:trPr>
        <w:tc>
          <w:tcPr>
            <w:tcW w:w="6232" w:type="dxa"/>
            <w:gridSpan w:val="4"/>
          </w:tcPr>
          <w:p w14:paraId="33DFFCBC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3EE57F20" w14:textId="77777777" w:rsidTr="0058611B">
        <w:trPr>
          <w:trHeight w:val="408"/>
        </w:trPr>
        <w:tc>
          <w:tcPr>
            <w:tcW w:w="1555" w:type="dxa"/>
          </w:tcPr>
          <w:p w14:paraId="2B3380FC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71E808EE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6DAB73F1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658BCA87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9B606F" w14:paraId="66A5BBF0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054ABF8D" w14:textId="2CF7D338" w:rsidR="009B606F" w:rsidRPr="002F1863" w:rsidRDefault="00312EA9" w:rsidP="009B606F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4674,84</w:t>
            </w:r>
          </w:p>
        </w:tc>
        <w:tc>
          <w:tcPr>
            <w:tcW w:w="1559" w:type="dxa"/>
            <w:vAlign w:val="center"/>
          </w:tcPr>
          <w:p w14:paraId="1FA33E4B" w14:textId="768D3AF0" w:rsidR="009B606F" w:rsidRPr="002F1863" w:rsidRDefault="009B606F" w:rsidP="009B606F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8961,40</w:t>
            </w:r>
          </w:p>
        </w:tc>
        <w:tc>
          <w:tcPr>
            <w:tcW w:w="1559" w:type="dxa"/>
            <w:vAlign w:val="center"/>
          </w:tcPr>
          <w:p w14:paraId="54999451" w14:textId="5E2DBB25" w:rsidR="009B606F" w:rsidRPr="00085B54" w:rsidRDefault="00B81F41" w:rsidP="009B606F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648,14</w:t>
            </w:r>
          </w:p>
        </w:tc>
        <w:tc>
          <w:tcPr>
            <w:tcW w:w="1559" w:type="dxa"/>
            <w:vAlign w:val="center"/>
          </w:tcPr>
          <w:p w14:paraId="22DBD5CC" w14:textId="16222187" w:rsidR="009B606F" w:rsidRPr="00085B54" w:rsidRDefault="009B606F" w:rsidP="009B606F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623,61</w:t>
            </w:r>
          </w:p>
        </w:tc>
      </w:tr>
    </w:tbl>
    <w:p w14:paraId="44896EC0" w14:textId="7F27D54D" w:rsidR="001909EB" w:rsidRDefault="001909EB" w:rsidP="0096387B">
      <w:pPr>
        <w:rPr>
          <w:b/>
          <w:bCs/>
        </w:rPr>
      </w:pPr>
    </w:p>
    <w:p w14:paraId="362EF97D" w14:textId="4325F678" w:rsidR="0058611B" w:rsidRDefault="0058611B" w:rsidP="0096387B">
      <w:pPr>
        <w:rPr>
          <w:b/>
          <w:bCs/>
        </w:rPr>
      </w:pPr>
    </w:p>
    <w:p w14:paraId="226D2D11" w14:textId="5166A5FD" w:rsidR="0058611B" w:rsidRDefault="0058611B" w:rsidP="0096387B">
      <w:pPr>
        <w:rPr>
          <w:b/>
          <w:bCs/>
        </w:rPr>
      </w:pPr>
    </w:p>
    <w:p w14:paraId="69FAB951" w14:textId="77777777" w:rsidR="0058611B" w:rsidRDefault="0058611B" w:rsidP="0096387B">
      <w:pPr>
        <w:rPr>
          <w:b/>
          <w:bCs/>
        </w:rPr>
      </w:pPr>
    </w:p>
    <w:p w14:paraId="0544F341" w14:textId="58F4FED1" w:rsidR="001D17C8" w:rsidRDefault="00635A33" w:rsidP="0096387B">
      <w:pPr>
        <w:rPr>
          <w:b/>
          <w:bCs/>
        </w:rPr>
      </w:pPr>
      <w:r>
        <w:rPr>
          <w:noProof/>
        </w:rPr>
        <w:drawing>
          <wp:inline distT="0" distB="0" distL="0" distR="0" wp14:anchorId="49E06ADF" wp14:editId="78CC4D22">
            <wp:extent cx="5760720" cy="2838450"/>
            <wp:effectExtent l="0" t="0" r="11430" b="0"/>
            <wp:docPr id="13" name="Wykres 13">
              <a:extLst xmlns:a="http://schemas.openxmlformats.org/drawingml/2006/main">
                <a:ext uri="{FF2B5EF4-FFF2-40B4-BE49-F238E27FC236}">
                  <a16:creationId xmlns:a16="http://schemas.microsoft.com/office/drawing/2014/main" id="{AA27FBFA-EA52-FFBA-55CE-25309FDCCB88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1"/>
              </a:graphicData>
            </a:graphic>
          </wp:inline>
        </w:drawing>
      </w:r>
    </w:p>
    <w:p w14:paraId="4CE3D955" w14:textId="0C341154" w:rsidR="0096387B" w:rsidRPr="001909EB" w:rsidRDefault="0096387B" w:rsidP="0096387B">
      <w:pPr>
        <w:rPr>
          <w:b/>
          <w:bCs/>
        </w:rPr>
      </w:pPr>
      <w:r w:rsidRPr="001909EB">
        <w:rPr>
          <w:b/>
          <w:bCs/>
        </w:rPr>
        <w:t>Krzyżowanie PMX – bazowe:</w:t>
      </w:r>
    </w:p>
    <w:tbl>
      <w:tblPr>
        <w:tblStyle w:val="Tabela-Siatka"/>
        <w:tblpPr w:leftFromText="141" w:rightFromText="141" w:vertAnchor="text" w:horzAnchor="margin" w:tblpXSpec="center" w:tblpY="-66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4C17EA6B" w14:textId="77777777" w:rsidTr="0058611B">
        <w:trPr>
          <w:trHeight w:val="388"/>
        </w:trPr>
        <w:tc>
          <w:tcPr>
            <w:tcW w:w="6232" w:type="dxa"/>
            <w:gridSpan w:val="4"/>
          </w:tcPr>
          <w:p w14:paraId="49FB6329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75770D2D" w14:textId="77777777" w:rsidTr="0058611B">
        <w:trPr>
          <w:trHeight w:val="408"/>
        </w:trPr>
        <w:tc>
          <w:tcPr>
            <w:tcW w:w="1555" w:type="dxa"/>
          </w:tcPr>
          <w:p w14:paraId="4C88F27F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3CCBD3FE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729099A7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30638877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58611B" w14:paraId="71EE1350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73417047" w14:textId="119E1712" w:rsidR="0058611B" w:rsidRPr="002F1863" w:rsidRDefault="00E6527D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6926,94</w:t>
            </w:r>
          </w:p>
        </w:tc>
        <w:tc>
          <w:tcPr>
            <w:tcW w:w="1559" w:type="dxa"/>
            <w:vAlign w:val="center"/>
          </w:tcPr>
          <w:p w14:paraId="307D5A97" w14:textId="1C1CAB1F" w:rsidR="0058611B" w:rsidRPr="002F1863" w:rsidRDefault="00ED372D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30555,21</w:t>
            </w:r>
          </w:p>
        </w:tc>
        <w:tc>
          <w:tcPr>
            <w:tcW w:w="1559" w:type="dxa"/>
            <w:vAlign w:val="center"/>
          </w:tcPr>
          <w:p w14:paraId="54092400" w14:textId="1C16A8CC" w:rsidR="0058611B" w:rsidRPr="00085B54" w:rsidRDefault="00ED372D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7874,56</w:t>
            </w:r>
          </w:p>
        </w:tc>
        <w:tc>
          <w:tcPr>
            <w:tcW w:w="1559" w:type="dxa"/>
            <w:vAlign w:val="center"/>
          </w:tcPr>
          <w:p w14:paraId="7DB70956" w14:textId="704006FC" w:rsidR="0058611B" w:rsidRPr="00085B54" w:rsidRDefault="00ED372D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852,28</w:t>
            </w:r>
          </w:p>
        </w:tc>
      </w:tr>
    </w:tbl>
    <w:p w14:paraId="5C15814C" w14:textId="5567D3A1" w:rsidR="0096387B" w:rsidRDefault="0096387B" w:rsidP="0096387B"/>
    <w:p w14:paraId="0B2EB32A" w14:textId="199C0669" w:rsidR="0058611B" w:rsidRDefault="0058611B" w:rsidP="0096387B"/>
    <w:p w14:paraId="11AEADCF" w14:textId="77777777" w:rsidR="0058611B" w:rsidRDefault="0058611B" w:rsidP="0096387B"/>
    <w:p w14:paraId="00D651BF" w14:textId="4C26B0C6" w:rsidR="0066050B" w:rsidRPr="001909EB" w:rsidRDefault="0066050B" w:rsidP="0096387B">
      <w:r>
        <w:rPr>
          <w:noProof/>
        </w:rPr>
        <w:drawing>
          <wp:inline distT="0" distB="0" distL="0" distR="0" wp14:anchorId="7CA07B52" wp14:editId="3F9EC058">
            <wp:extent cx="5760720" cy="3056255"/>
            <wp:effectExtent l="0" t="0" r="11430" b="10795"/>
            <wp:docPr id="10" name="Wykres 10">
              <a:extLst xmlns:a="http://schemas.openxmlformats.org/drawingml/2006/main">
                <a:ext uri="{FF2B5EF4-FFF2-40B4-BE49-F238E27FC236}">
                  <a16:creationId xmlns:a16="http://schemas.microsoft.com/office/drawing/2014/main" id="{C42F0434-7B41-EE76-EF83-CDB20638687F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2"/>
              </a:graphicData>
            </a:graphic>
          </wp:inline>
        </w:drawing>
      </w:r>
    </w:p>
    <w:p w14:paraId="62570A18" w14:textId="77777777" w:rsidR="0058611B" w:rsidRDefault="0058611B" w:rsidP="0096387B">
      <w:pPr>
        <w:rPr>
          <w:b/>
          <w:bCs/>
        </w:rPr>
      </w:pPr>
    </w:p>
    <w:p w14:paraId="400E1E45" w14:textId="22AAF9D5" w:rsidR="0096387B" w:rsidRPr="001909EB" w:rsidRDefault="0096387B" w:rsidP="0096387B">
      <w:pPr>
        <w:rPr>
          <w:b/>
          <w:bCs/>
        </w:rPr>
      </w:pPr>
      <w:r w:rsidRPr="001909EB">
        <w:rPr>
          <w:b/>
          <w:bCs/>
        </w:rPr>
        <w:lastRenderedPageBreak/>
        <w:t xml:space="preserve">Krzyżowanie PMX – prawdopodobieństwo </w:t>
      </w:r>
      <w:r w:rsidR="00E6527D">
        <w:rPr>
          <w:b/>
          <w:bCs/>
        </w:rPr>
        <w:t>6</w:t>
      </w:r>
      <w:r w:rsidRPr="001909EB">
        <w:rPr>
          <w:b/>
          <w:bCs/>
        </w:rPr>
        <w:t>0%:</w:t>
      </w:r>
    </w:p>
    <w:tbl>
      <w:tblPr>
        <w:tblStyle w:val="Tabela-Siatka"/>
        <w:tblpPr w:leftFromText="141" w:rightFromText="141" w:vertAnchor="text" w:horzAnchor="margin" w:tblpXSpec="center" w:tblpY="-80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426E4E9A" w14:textId="77777777" w:rsidTr="0058611B">
        <w:trPr>
          <w:trHeight w:val="388"/>
        </w:trPr>
        <w:tc>
          <w:tcPr>
            <w:tcW w:w="6232" w:type="dxa"/>
            <w:gridSpan w:val="4"/>
          </w:tcPr>
          <w:p w14:paraId="2082511B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6F7243BC" w14:textId="77777777" w:rsidTr="0058611B">
        <w:trPr>
          <w:trHeight w:val="408"/>
        </w:trPr>
        <w:tc>
          <w:tcPr>
            <w:tcW w:w="1555" w:type="dxa"/>
          </w:tcPr>
          <w:p w14:paraId="1CCA42F6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1677A91E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079F9DE6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1179244C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58611B" w14:paraId="4F640C9C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0D9D721F" w14:textId="7AB65FA3" w:rsidR="0058611B" w:rsidRPr="002F1863" w:rsidRDefault="009665F2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6876,024</w:t>
            </w:r>
          </w:p>
        </w:tc>
        <w:tc>
          <w:tcPr>
            <w:tcW w:w="1559" w:type="dxa"/>
            <w:vAlign w:val="center"/>
          </w:tcPr>
          <w:p w14:paraId="6C2FB53F" w14:textId="05098CCD" w:rsidR="0058611B" w:rsidRPr="002F1863" w:rsidRDefault="009665F2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45849,18</w:t>
            </w:r>
          </w:p>
        </w:tc>
        <w:tc>
          <w:tcPr>
            <w:tcW w:w="1559" w:type="dxa"/>
            <w:vAlign w:val="center"/>
          </w:tcPr>
          <w:p w14:paraId="7D49359B" w14:textId="34D19F95" w:rsidR="0058611B" w:rsidRPr="00085B54" w:rsidRDefault="00E6527D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9914,21</w:t>
            </w:r>
          </w:p>
        </w:tc>
        <w:tc>
          <w:tcPr>
            <w:tcW w:w="1559" w:type="dxa"/>
            <w:vAlign w:val="center"/>
          </w:tcPr>
          <w:p w14:paraId="7C9A8818" w14:textId="3875AEC7" w:rsidR="0058611B" w:rsidRPr="00085B54" w:rsidRDefault="00E6527D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2019,52</w:t>
            </w:r>
          </w:p>
        </w:tc>
      </w:tr>
    </w:tbl>
    <w:p w14:paraId="78AC18DA" w14:textId="4C449B4E" w:rsidR="0096387B" w:rsidRDefault="0096387B" w:rsidP="0096387B"/>
    <w:p w14:paraId="7F06E8FB" w14:textId="4724E9BB" w:rsidR="0058611B" w:rsidRDefault="0058611B" w:rsidP="0096387B"/>
    <w:p w14:paraId="6E279135" w14:textId="77777777" w:rsidR="0058611B" w:rsidRDefault="0058611B" w:rsidP="0096387B"/>
    <w:p w14:paraId="15CED420" w14:textId="5E245D80" w:rsidR="001D17C8" w:rsidRPr="001909EB" w:rsidRDefault="003F44AB" w:rsidP="0096387B">
      <w:r>
        <w:rPr>
          <w:noProof/>
        </w:rPr>
        <w:drawing>
          <wp:inline distT="0" distB="0" distL="0" distR="0" wp14:anchorId="3423E20D" wp14:editId="1D58F56E">
            <wp:extent cx="5760720" cy="2600325"/>
            <wp:effectExtent l="0" t="0" r="11430" b="9525"/>
            <wp:docPr id="17" name="Wykres 17">
              <a:extLst xmlns:a="http://schemas.openxmlformats.org/drawingml/2006/main">
                <a:ext uri="{FF2B5EF4-FFF2-40B4-BE49-F238E27FC236}">
                  <a16:creationId xmlns:a16="http://schemas.microsoft.com/office/drawing/2014/main" id="{69D2710A-4C9A-A32C-B07B-A8959EDB19D5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3"/>
              </a:graphicData>
            </a:graphic>
          </wp:inline>
        </w:drawing>
      </w:r>
    </w:p>
    <w:p w14:paraId="7D425096" w14:textId="23DC2FDB" w:rsidR="0096387B" w:rsidRPr="001909EB" w:rsidRDefault="0096387B" w:rsidP="0096387B">
      <w:pPr>
        <w:rPr>
          <w:b/>
          <w:bCs/>
        </w:rPr>
      </w:pPr>
      <w:r w:rsidRPr="001909EB">
        <w:rPr>
          <w:b/>
          <w:bCs/>
        </w:rPr>
        <w:t>Krzyżowanie PMX – prawdopodobieństwo 80%:</w:t>
      </w:r>
    </w:p>
    <w:tbl>
      <w:tblPr>
        <w:tblStyle w:val="Tabela-Siatka"/>
        <w:tblpPr w:leftFromText="141" w:rightFromText="141" w:vertAnchor="text" w:horzAnchor="margin" w:tblpXSpec="center" w:tblpY="-81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7BB4FB69" w14:textId="77777777" w:rsidTr="0058611B">
        <w:trPr>
          <w:trHeight w:val="388"/>
        </w:trPr>
        <w:tc>
          <w:tcPr>
            <w:tcW w:w="6232" w:type="dxa"/>
            <w:gridSpan w:val="4"/>
          </w:tcPr>
          <w:p w14:paraId="3BC124FE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3B75B9B4" w14:textId="77777777" w:rsidTr="0058611B">
        <w:trPr>
          <w:trHeight w:val="408"/>
        </w:trPr>
        <w:tc>
          <w:tcPr>
            <w:tcW w:w="1555" w:type="dxa"/>
          </w:tcPr>
          <w:p w14:paraId="691DF4DC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3D4796BB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7E6E529B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6963F9DE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58611B" w14:paraId="793A55C0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2E61F221" w14:textId="1B0F054A" w:rsidR="0058611B" w:rsidRPr="002F1863" w:rsidRDefault="00411D52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932,13</w:t>
            </w:r>
          </w:p>
        </w:tc>
        <w:tc>
          <w:tcPr>
            <w:tcW w:w="1559" w:type="dxa"/>
            <w:vAlign w:val="center"/>
          </w:tcPr>
          <w:p w14:paraId="7E929741" w14:textId="655996DD" w:rsidR="0058611B" w:rsidRPr="002F1863" w:rsidRDefault="00411D52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31514,23</w:t>
            </w:r>
          </w:p>
        </w:tc>
        <w:tc>
          <w:tcPr>
            <w:tcW w:w="1559" w:type="dxa"/>
            <w:vAlign w:val="center"/>
          </w:tcPr>
          <w:p w14:paraId="58C18C74" w14:textId="525B62F8" w:rsidR="0058611B" w:rsidRPr="00085B54" w:rsidRDefault="00F063C9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7324,77</w:t>
            </w:r>
          </w:p>
        </w:tc>
        <w:tc>
          <w:tcPr>
            <w:tcW w:w="1559" w:type="dxa"/>
            <w:vAlign w:val="center"/>
          </w:tcPr>
          <w:p w14:paraId="14361117" w14:textId="78B35F80" w:rsidR="0058611B" w:rsidRPr="00085B54" w:rsidRDefault="00F063C9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653,23</w:t>
            </w:r>
          </w:p>
        </w:tc>
      </w:tr>
    </w:tbl>
    <w:p w14:paraId="741A922F" w14:textId="4DF8A202" w:rsidR="0096387B" w:rsidRDefault="0096387B" w:rsidP="0096387B"/>
    <w:p w14:paraId="566BF8EC" w14:textId="0739598B" w:rsidR="0058611B" w:rsidRDefault="0058611B" w:rsidP="0096387B"/>
    <w:p w14:paraId="3E2CDAE0" w14:textId="77777777" w:rsidR="0058611B" w:rsidRDefault="0058611B" w:rsidP="0096387B"/>
    <w:p w14:paraId="09E02F15" w14:textId="63ABEEAD" w:rsidR="001D17C8" w:rsidRPr="001909EB" w:rsidRDefault="003F44AB" w:rsidP="0096387B">
      <w:r>
        <w:rPr>
          <w:noProof/>
        </w:rPr>
        <w:drawing>
          <wp:inline distT="0" distB="0" distL="0" distR="0" wp14:anchorId="55F03C76" wp14:editId="5C17EFD7">
            <wp:extent cx="5760720" cy="2667000"/>
            <wp:effectExtent l="0" t="0" r="11430" b="0"/>
            <wp:docPr id="18" name="Wykres 18">
              <a:extLst xmlns:a="http://schemas.openxmlformats.org/drawingml/2006/main">
                <a:ext uri="{FF2B5EF4-FFF2-40B4-BE49-F238E27FC236}">
                  <a16:creationId xmlns:a16="http://schemas.microsoft.com/office/drawing/2014/main" id="{5959EEA0-4CF5-1095-2700-0F8B1D9E2655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4"/>
              </a:graphicData>
            </a:graphic>
          </wp:inline>
        </w:drawing>
      </w:r>
    </w:p>
    <w:p w14:paraId="241916E9" w14:textId="13742515" w:rsidR="00D26068" w:rsidRDefault="001909EB" w:rsidP="00012050">
      <w:pPr>
        <w:rPr>
          <w:b/>
          <w:bCs/>
        </w:rPr>
      </w:pPr>
      <w:r w:rsidRPr="001909EB">
        <w:rPr>
          <w:b/>
          <w:bCs/>
        </w:rPr>
        <w:t>Porównanie krzyżowania i prawdopodobieństw:</w:t>
      </w:r>
    </w:p>
    <w:p w14:paraId="3AAF41BF" w14:textId="35B7AD21" w:rsidR="00401C25" w:rsidRDefault="00DB7DF6" w:rsidP="001B052C">
      <w:r>
        <w:t xml:space="preserve">Krzyżowanie OX jest trochę lepsze niż krzyżowanie PMX, jednak jest dużo bardziej </w:t>
      </w:r>
      <w:r w:rsidR="004336CB">
        <w:t>skomplikowane pod względem obliczeniowym – Profiler pokazał 2 razy większe zużycie.</w:t>
      </w:r>
      <w:r w:rsidR="009E426F">
        <w:t xml:space="preserve"> Z</w:t>
      </w:r>
      <w:r w:rsidR="00B014F4">
        <w:t>mniejszenie prawdopodobieństwa</w:t>
      </w:r>
      <w:r w:rsidR="009E426F">
        <w:t xml:space="preserve"> pogorszyło wyniki a zwiększenie minimalnie je polepszyło, jednak w OX zwiększyło się odchylenie a w PMX – zmniejszyło.</w:t>
      </w:r>
    </w:p>
    <w:p w14:paraId="153EE309" w14:textId="67E531E7" w:rsidR="00012050" w:rsidRDefault="00012050" w:rsidP="00012050">
      <w:pPr>
        <w:pStyle w:val="Nagwek2"/>
      </w:pPr>
      <w:r>
        <w:lastRenderedPageBreak/>
        <w:t>Badanie mutacji</w:t>
      </w:r>
    </w:p>
    <w:p w14:paraId="146BBE1C" w14:textId="27CE9673" w:rsidR="00012050" w:rsidRDefault="00686CAF" w:rsidP="005F1DF8">
      <w:pPr>
        <w:rPr>
          <w:b/>
          <w:bCs/>
        </w:rPr>
      </w:pPr>
      <w:r>
        <w:rPr>
          <w:b/>
          <w:bCs/>
        </w:rPr>
        <w:t xml:space="preserve">Mutacja </w:t>
      </w:r>
      <w:proofErr w:type="spellStart"/>
      <w:r>
        <w:rPr>
          <w:b/>
          <w:bCs/>
        </w:rPr>
        <w:t>Inverse</w:t>
      </w:r>
      <w:proofErr w:type="spellEnd"/>
      <w:r>
        <w:rPr>
          <w:b/>
          <w:bCs/>
        </w:rPr>
        <w:t xml:space="preserve"> – bazowy:</w:t>
      </w:r>
    </w:p>
    <w:tbl>
      <w:tblPr>
        <w:tblStyle w:val="Tabela-Siatka"/>
        <w:tblpPr w:leftFromText="141" w:rightFromText="141" w:vertAnchor="text" w:horzAnchor="margin" w:tblpXSpec="center" w:tblpY="-66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355CFF04" w14:textId="77777777" w:rsidTr="0058611B">
        <w:trPr>
          <w:trHeight w:val="388"/>
        </w:trPr>
        <w:tc>
          <w:tcPr>
            <w:tcW w:w="6232" w:type="dxa"/>
            <w:gridSpan w:val="4"/>
          </w:tcPr>
          <w:p w14:paraId="456B02F3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4A4061A8" w14:textId="77777777" w:rsidTr="0058611B">
        <w:trPr>
          <w:trHeight w:val="408"/>
        </w:trPr>
        <w:tc>
          <w:tcPr>
            <w:tcW w:w="1555" w:type="dxa"/>
          </w:tcPr>
          <w:p w14:paraId="4BB01505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3D232F1E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09D3649F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0DC7EF9F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58611B" w14:paraId="2F362B37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22EF3B08" w14:textId="135ABC99" w:rsidR="0058611B" w:rsidRPr="002F1863" w:rsidRDefault="00BE6DAC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072,30</w:t>
            </w:r>
          </w:p>
        </w:tc>
        <w:tc>
          <w:tcPr>
            <w:tcW w:w="1559" w:type="dxa"/>
            <w:vAlign w:val="center"/>
          </w:tcPr>
          <w:p w14:paraId="4EB862F2" w14:textId="43578DD7" w:rsidR="0058611B" w:rsidRPr="002F1863" w:rsidRDefault="00BE6DAC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6131,33</w:t>
            </w:r>
          </w:p>
        </w:tc>
        <w:tc>
          <w:tcPr>
            <w:tcW w:w="1559" w:type="dxa"/>
            <w:vAlign w:val="center"/>
          </w:tcPr>
          <w:p w14:paraId="12B8AADE" w14:textId="082E86B3" w:rsidR="0058611B" w:rsidRPr="00085B54" w:rsidRDefault="00BE6DAC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890,45</w:t>
            </w:r>
          </w:p>
        </w:tc>
        <w:tc>
          <w:tcPr>
            <w:tcW w:w="1559" w:type="dxa"/>
            <w:vAlign w:val="center"/>
          </w:tcPr>
          <w:p w14:paraId="517FCF07" w14:textId="3FFA0B79" w:rsidR="0058611B" w:rsidRPr="00085B54" w:rsidRDefault="00BE6DAC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478,54</w:t>
            </w:r>
          </w:p>
        </w:tc>
      </w:tr>
    </w:tbl>
    <w:p w14:paraId="3B6E824F" w14:textId="4C24B77E" w:rsidR="00686CAF" w:rsidRDefault="00686CAF" w:rsidP="005F1DF8"/>
    <w:p w14:paraId="37A046CC" w14:textId="1AC8DAC6" w:rsidR="0058611B" w:rsidRDefault="0058611B" w:rsidP="005F1DF8"/>
    <w:p w14:paraId="267DAF87" w14:textId="77777777" w:rsidR="0058611B" w:rsidRDefault="0058611B" w:rsidP="005F1DF8"/>
    <w:p w14:paraId="71EFC793" w14:textId="0A3D85FE" w:rsidR="0058611B" w:rsidRPr="009E426F" w:rsidRDefault="00BC013B" w:rsidP="005F1DF8">
      <w:r>
        <w:rPr>
          <w:noProof/>
        </w:rPr>
        <w:drawing>
          <wp:inline distT="0" distB="0" distL="0" distR="0" wp14:anchorId="7355674E" wp14:editId="20BFCFF9">
            <wp:extent cx="5760720" cy="2695575"/>
            <wp:effectExtent l="0" t="0" r="11430" b="9525"/>
            <wp:docPr id="19" name="Wykres 19">
              <a:extLst xmlns:a="http://schemas.openxmlformats.org/drawingml/2006/main">
                <a:ext uri="{FF2B5EF4-FFF2-40B4-BE49-F238E27FC236}">
                  <a16:creationId xmlns:a16="http://schemas.microsoft.com/office/drawing/2014/main" id="{33808B05-A75D-DD75-18CF-C9186EF31161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5"/>
              </a:graphicData>
            </a:graphic>
          </wp:inline>
        </w:drawing>
      </w:r>
    </w:p>
    <w:tbl>
      <w:tblPr>
        <w:tblStyle w:val="Tabela-Siatka"/>
        <w:tblpPr w:leftFromText="141" w:rightFromText="141" w:vertAnchor="text" w:horzAnchor="margin" w:tblpXSpec="center" w:tblpY="354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64E08AA1" w14:textId="77777777" w:rsidTr="0058611B">
        <w:trPr>
          <w:trHeight w:val="388"/>
        </w:trPr>
        <w:tc>
          <w:tcPr>
            <w:tcW w:w="6232" w:type="dxa"/>
            <w:gridSpan w:val="4"/>
          </w:tcPr>
          <w:p w14:paraId="4EF9EC06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528D6864" w14:textId="77777777" w:rsidTr="0058611B">
        <w:trPr>
          <w:trHeight w:val="408"/>
        </w:trPr>
        <w:tc>
          <w:tcPr>
            <w:tcW w:w="1555" w:type="dxa"/>
          </w:tcPr>
          <w:p w14:paraId="15332446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6603467A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26B3A73D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55239EBC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58611B" w14:paraId="6483B415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15EA92DB" w14:textId="1F9A883D" w:rsidR="0058611B" w:rsidRPr="002F1863" w:rsidRDefault="008640A9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4505,11</w:t>
            </w:r>
          </w:p>
        </w:tc>
        <w:tc>
          <w:tcPr>
            <w:tcW w:w="1559" w:type="dxa"/>
            <w:vAlign w:val="center"/>
          </w:tcPr>
          <w:p w14:paraId="63109CD2" w14:textId="7C5A6E20" w:rsidR="0058611B" w:rsidRPr="002F1863" w:rsidRDefault="008640A9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6656,54</w:t>
            </w:r>
          </w:p>
        </w:tc>
        <w:tc>
          <w:tcPr>
            <w:tcW w:w="1559" w:type="dxa"/>
            <w:vAlign w:val="center"/>
          </w:tcPr>
          <w:p w14:paraId="0F5D0626" w14:textId="73A9FC57" w:rsidR="0058611B" w:rsidRPr="00085B54" w:rsidRDefault="008640A9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064,89</w:t>
            </w:r>
          </w:p>
        </w:tc>
        <w:tc>
          <w:tcPr>
            <w:tcW w:w="1559" w:type="dxa"/>
            <w:vAlign w:val="center"/>
          </w:tcPr>
          <w:p w14:paraId="7EC19BD2" w14:textId="592BF643" w:rsidR="0058611B" w:rsidRPr="00085B54" w:rsidRDefault="008640A9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450,94</w:t>
            </w:r>
          </w:p>
        </w:tc>
      </w:tr>
    </w:tbl>
    <w:p w14:paraId="0DFFE908" w14:textId="5C7E3A55" w:rsidR="00BB703F" w:rsidRPr="00947455" w:rsidRDefault="00BB703F" w:rsidP="005F1DF8">
      <w:pPr>
        <w:rPr>
          <w:b/>
          <w:bCs/>
        </w:rPr>
      </w:pPr>
      <w:r w:rsidRPr="00947455">
        <w:rPr>
          <w:b/>
          <w:bCs/>
        </w:rPr>
        <w:t xml:space="preserve">Mutacja </w:t>
      </w:r>
      <w:proofErr w:type="spellStart"/>
      <w:r w:rsidRPr="00947455">
        <w:rPr>
          <w:b/>
          <w:bCs/>
        </w:rPr>
        <w:t>Inverse</w:t>
      </w:r>
      <w:proofErr w:type="spellEnd"/>
      <w:r w:rsidR="00947455" w:rsidRPr="00947455">
        <w:rPr>
          <w:b/>
          <w:bCs/>
        </w:rPr>
        <w:t xml:space="preserve"> – prawdopodobieństwo </w:t>
      </w:r>
      <w:r w:rsidR="00677328">
        <w:rPr>
          <w:b/>
          <w:bCs/>
        </w:rPr>
        <w:t>15</w:t>
      </w:r>
      <w:r w:rsidR="00947455" w:rsidRPr="00947455">
        <w:rPr>
          <w:b/>
          <w:bCs/>
        </w:rPr>
        <w:t>%:</w:t>
      </w:r>
    </w:p>
    <w:p w14:paraId="1276A452" w14:textId="2BA07FF1" w:rsidR="00947455" w:rsidRDefault="00947455" w:rsidP="005F1DF8"/>
    <w:p w14:paraId="4759131F" w14:textId="3F3F6C8C" w:rsidR="0058611B" w:rsidRDefault="0058611B" w:rsidP="005F1DF8"/>
    <w:p w14:paraId="7F33F9FE" w14:textId="77777777" w:rsidR="0058611B" w:rsidRDefault="0058611B" w:rsidP="005F1DF8"/>
    <w:p w14:paraId="43E17DB8" w14:textId="0842E26C" w:rsidR="00ED7F5C" w:rsidRDefault="00693304" w:rsidP="005F1DF8">
      <w:r>
        <w:rPr>
          <w:noProof/>
        </w:rPr>
        <w:drawing>
          <wp:inline distT="0" distB="0" distL="0" distR="0" wp14:anchorId="0CEB2D55" wp14:editId="799A38F4">
            <wp:extent cx="5760720" cy="2733675"/>
            <wp:effectExtent l="0" t="0" r="11430" b="9525"/>
            <wp:docPr id="20" name="Wykres 20">
              <a:extLst xmlns:a="http://schemas.openxmlformats.org/drawingml/2006/main">
                <a:ext uri="{FF2B5EF4-FFF2-40B4-BE49-F238E27FC236}">
                  <a16:creationId xmlns:a16="http://schemas.microsoft.com/office/drawing/2014/main" id="{83227777-C90C-42CB-DAE0-97A78019B843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6"/>
              </a:graphicData>
            </a:graphic>
          </wp:inline>
        </w:drawing>
      </w:r>
    </w:p>
    <w:p w14:paraId="3657E975" w14:textId="77777777" w:rsidR="008640A9" w:rsidRDefault="008640A9" w:rsidP="005F1DF8"/>
    <w:p w14:paraId="5CEC187B" w14:textId="77777777" w:rsidR="008640A9" w:rsidRDefault="008640A9" w:rsidP="005F1DF8">
      <w:pPr>
        <w:rPr>
          <w:b/>
          <w:bCs/>
        </w:rPr>
      </w:pPr>
    </w:p>
    <w:p w14:paraId="5766EC89" w14:textId="65A3EDF1" w:rsidR="00606463" w:rsidRDefault="00606463" w:rsidP="005F1DF8">
      <w:pPr>
        <w:rPr>
          <w:b/>
          <w:bCs/>
        </w:rPr>
      </w:pPr>
      <w:r>
        <w:rPr>
          <w:b/>
          <w:bCs/>
        </w:rPr>
        <w:lastRenderedPageBreak/>
        <w:t xml:space="preserve">Mutacja </w:t>
      </w:r>
      <w:proofErr w:type="spellStart"/>
      <w:r>
        <w:rPr>
          <w:b/>
          <w:bCs/>
        </w:rPr>
        <w:t>Swap</w:t>
      </w:r>
      <w:proofErr w:type="spellEnd"/>
      <w:r>
        <w:rPr>
          <w:b/>
          <w:bCs/>
        </w:rPr>
        <w:t xml:space="preserve"> – bazowa:</w:t>
      </w:r>
    </w:p>
    <w:tbl>
      <w:tblPr>
        <w:tblStyle w:val="Tabela-Siatka"/>
        <w:tblpPr w:leftFromText="141" w:rightFromText="141" w:vertAnchor="text" w:horzAnchor="margin" w:tblpXSpec="center" w:tblpY="-80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775B4E15" w14:textId="77777777" w:rsidTr="0058611B">
        <w:trPr>
          <w:trHeight w:val="388"/>
        </w:trPr>
        <w:tc>
          <w:tcPr>
            <w:tcW w:w="6232" w:type="dxa"/>
            <w:gridSpan w:val="4"/>
          </w:tcPr>
          <w:p w14:paraId="5C56572D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5BB5BC21" w14:textId="77777777" w:rsidTr="0058611B">
        <w:trPr>
          <w:trHeight w:val="408"/>
        </w:trPr>
        <w:tc>
          <w:tcPr>
            <w:tcW w:w="1555" w:type="dxa"/>
          </w:tcPr>
          <w:p w14:paraId="04CF7BAF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26C8AC63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7B8A1433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7B35D83E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58611B" w14:paraId="7787AACD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65FF36B2" w14:textId="6995CAB6" w:rsidR="0058611B" w:rsidRPr="002F1863" w:rsidRDefault="008C7230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6536,14</w:t>
            </w:r>
          </w:p>
        </w:tc>
        <w:tc>
          <w:tcPr>
            <w:tcW w:w="1559" w:type="dxa"/>
            <w:vAlign w:val="center"/>
          </w:tcPr>
          <w:p w14:paraId="0AE23C69" w14:textId="397D6A7F" w:rsidR="0058611B" w:rsidRPr="002F1863" w:rsidRDefault="008C7230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9767,80</w:t>
            </w:r>
          </w:p>
        </w:tc>
        <w:tc>
          <w:tcPr>
            <w:tcW w:w="1559" w:type="dxa"/>
            <w:vAlign w:val="center"/>
          </w:tcPr>
          <w:p w14:paraId="24343148" w14:textId="6FA4486A" w:rsidR="0058611B" w:rsidRPr="00085B54" w:rsidRDefault="00B73CD1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7829,29</w:t>
            </w:r>
          </w:p>
        </w:tc>
        <w:tc>
          <w:tcPr>
            <w:tcW w:w="1559" w:type="dxa"/>
            <w:vAlign w:val="center"/>
          </w:tcPr>
          <w:p w14:paraId="01536649" w14:textId="56617610" w:rsidR="0058611B" w:rsidRPr="00085B54" w:rsidRDefault="00B73CD1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761,16</w:t>
            </w:r>
          </w:p>
        </w:tc>
      </w:tr>
    </w:tbl>
    <w:p w14:paraId="74F3DFC3" w14:textId="76502FF7" w:rsidR="00401C25" w:rsidRDefault="00401C25" w:rsidP="005F1DF8"/>
    <w:p w14:paraId="79DC3313" w14:textId="24FDBCCA" w:rsidR="00401C25" w:rsidRDefault="00401C25" w:rsidP="005F1DF8"/>
    <w:p w14:paraId="139FBF7F" w14:textId="2F951BDC" w:rsidR="00401C25" w:rsidRDefault="00401C25" w:rsidP="005F1DF8"/>
    <w:p w14:paraId="063ECECE" w14:textId="7D4D0638" w:rsidR="00401C25" w:rsidRDefault="0058611B" w:rsidP="005F1DF8">
      <w:r>
        <w:rPr>
          <w:noProof/>
        </w:rPr>
        <w:drawing>
          <wp:anchor distT="0" distB="0" distL="114300" distR="114300" simplePos="0" relativeHeight="251660288" behindDoc="0" locked="0" layoutInCell="1" allowOverlap="1" wp14:anchorId="2A73B654" wp14:editId="2C87DD01">
            <wp:simplePos x="0" y="0"/>
            <wp:positionH relativeFrom="margin">
              <wp:align>left</wp:align>
            </wp:positionH>
            <wp:positionV relativeFrom="paragraph">
              <wp:posOffset>84455</wp:posOffset>
            </wp:positionV>
            <wp:extent cx="5760720" cy="2724150"/>
            <wp:effectExtent l="0" t="0" r="11430" b="0"/>
            <wp:wrapNone/>
            <wp:docPr id="21" name="Wykres 21">
              <a:extLst xmlns:a="http://schemas.openxmlformats.org/drawingml/2006/main">
                <a:ext uri="{FF2B5EF4-FFF2-40B4-BE49-F238E27FC236}">
                  <a16:creationId xmlns:a16="http://schemas.microsoft.com/office/drawing/2014/main" id="{B9B4E403-155C-6AE9-E300-E768E780BC94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7"/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67B6E57A" w14:textId="06E71EBB" w:rsidR="00401C25" w:rsidRDefault="00401C25" w:rsidP="005F1DF8"/>
    <w:p w14:paraId="6B929092" w14:textId="70C12A6C" w:rsidR="0058611B" w:rsidRDefault="0058611B" w:rsidP="005F1DF8"/>
    <w:p w14:paraId="3D8554F7" w14:textId="3F195894" w:rsidR="0058611B" w:rsidRDefault="0058611B" w:rsidP="005F1DF8"/>
    <w:p w14:paraId="4A67FF3B" w14:textId="12B74FA1" w:rsidR="0058611B" w:rsidRDefault="0058611B" w:rsidP="005F1DF8"/>
    <w:p w14:paraId="5ECF2465" w14:textId="77777777" w:rsidR="0058611B" w:rsidRDefault="0058611B" w:rsidP="005F1DF8"/>
    <w:p w14:paraId="66720E0C" w14:textId="17861757" w:rsidR="00401C25" w:rsidRDefault="00401C25" w:rsidP="005F1DF8"/>
    <w:p w14:paraId="0E3A22A6" w14:textId="77777777" w:rsidR="008C7230" w:rsidRDefault="008C7230" w:rsidP="005F1DF8"/>
    <w:p w14:paraId="32833B7A" w14:textId="77777777" w:rsidR="00401C25" w:rsidRDefault="00401C25" w:rsidP="005F1DF8"/>
    <w:p w14:paraId="683087D5" w14:textId="72716110" w:rsidR="00606463" w:rsidRDefault="00606463" w:rsidP="005F1DF8"/>
    <w:tbl>
      <w:tblPr>
        <w:tblStyle w:val="Tabela-Siatka"/>
        <w:tblpPr w:leftFromText="141" w:rightFromText="141" w:vertAnchor="text" w:horzAnchor="margin" w:tblpXSpec="center" w:tblpY="354"/>
        <w:tblW w:w="6232" w:type="dxa"/>
        <w:tblLook w:val="04A0" w:firstRow="1" w:lastRow="0" w:firstColumn="1" w:lastColumn="0" w:noHBand="0" w:noVBand="1"/>
      </w:tblPr>
      <w:tblGrid>
        <w:gridCol w:w="1555"/>
        <w:gridCol w:w="1559"/>
        <w:gridCol w:w="1559"/>
        <w:gridCol w:w="1559"/>
      </w:tblGrid>
      <w:tr w:rsidR="0058611B" w14:paraId="0E131A5F" w14:textId="77777777" w:rsidTr="0058611B">
        <w:trPr>
          <w:trHeight w:val="388"/>
        </w:trPr>
        <w:tc>
          <w:tcPr>
            <w:tcW w:w="6232" w:type="dxa"/>
            <w:gridSpan w:val="4"/>
          </w:tcPr>
          <w:p w14:paraId="5B7E0F05" w14:textId="77777777" w:rsidR="0058611B" w:rsidRDefault="0058611B" w:rsidP="0058611B">
            <w:pPr>
              <w:jc w:val="center"/>
            </w:pPr>
            <w:r>
              <w:t>Alg. Ewolucyjny [10x]</w:t>
            </w:r>
          </w:p>
        </w:tc>
      </w:tr>
      <w:tr w:rsidR="0058611B" w14:paraId="6593EBEA" w14:textId="77777777" w:rsidTr="0058611B">
        <w:trPr>
          <w:trHeight w:val="408"/>
        </w:trPr>
        <w:tc>
          <w:tcPr>
            <w:tcW w:w="1555" w:type="dxa"/>
          </w:tcPr>
          <w:p w14:paraId="0DE7630A" w14:textId="77777777" w:rsidR="0058611B" w:rsidRDefault="0058611B" w:rsidP="0058611B">
            <w:pPr>
              <w:jc w:val="center"/>
            </w:pPr>
            <w:r>
              <w:t>Best</w:t>
            </w:r>
          </w:p>
        </w:tc>
        <w:tc>
          <w:tcPr>
            <w:tcW w:w="1559" w:type="dxa"/>
          </w:tcPr>
          <w:p w14:paraId="00CF36C7" w14:textId="77777777" w:rsidR="0058611B" w:rsidRDefault="0058611B" w:rsidP="0058611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559" w:type="dxa"/>
          </w:tcPr>
          <w:p w14:paraId="28750FFD" w14:textId="77777777" w:rsidR="0058611B" w:rsidRDefault="0058611B" w:rsidP="0058611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559" w:type="dxa"/>
          </w:tcPr>
          <w:p w14:paraId="2DF33062" w14:textId="77777777" w:rsidR="0058611B" w:rsidRDefault="0058611B" w:rsidP="0058611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58611B" w14:paraId="009689E8" w14:textId="77777777" w:rsidTr="0058611B">
        <w:trPr>
          <w:trHeight w:val="428"/>
        </w:trPr>
        <w:tc>
          <w:tcPr>
            <w:tcW w:w="1555" w:type="dxa"/>
            <w:vAlign w:val="center"/>
          </w:tcPr>
          <w:p w14:paraId="76CE5D10" w14:textId="472C022C" w:rsidR="0058611B" w:rsidRPr="002F1863" w:rsidRDefault="00E359BE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5634,99</w:t>
            </w:r>
          </w:p>
        </w:tc>
        <w:tc>
          <w:tcPr>
            <w:tcW w:w="1559" w:type="dxa"/>
            <w:vAlign w:val="center"/>
          </w:tcPr>
          <w:p w14:paraId="65D52A4B" w14:textId="4F0DF425" w:rsidR="0058611B" w:rsidRPr="002F1863" w:rsidRDefault="00E359BE" w:rsidP="0058611B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7523,41</w:t>
            </w:r>
          </w:p>
        </w:tc>
        <w:tc>
          <w:tcPr>
            <w:tcW w:w="1559" w:type="dxa"/>
            <w:vAlign w:val="center"/>
          </w:tcPr>
          <w:p w14:paraId="3DC46646" w14:textId="6B8CB17A" w:rsidR="0058611B" w:rsidRPr="00085B54" w:rsidRDefault="00E359BE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6419,50</w:t>
            </w:r>
          </w:p>
        </w:tc>
        <w:tc>
          <w:tcPr>
            <w:tcW w:w="1559" w:type="dxa"/>
            <w:vAlign w:val="center"/>
          </w:tcPr>
          <w:p w14:paraId="32945BE7" w14:textId="48BE4AD4" w:rsidR="0058611B" w:rsidRPr="00085B54" w:rsidRDefault="00424DE6" w:rsidP="0058611B">
            <w:pPr>
              <w:rPr>
                <w:rFonts w:ascii="Calibri" w:hAnsi="Calibri" w:cs="Calibri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445,33</w:t>
            </w:r>
          </w:p>
        </w:tc>
      </w:tr>
    </w:tbl>
    <w:p w14:paraId="6955C969" w14:textId="365A4CA8" w:rsidR="0058611B" w:rsidRPr="00BA0103" w:rsidRDefault="00606463" w:rsidP="005F1DF8">
      <w:pPr>
        <w:rPr>
          <w:b/>
          <w:bCs/>
        </w:rPr>
      </w:pPr>
      <w:r w:rsidRPr="00BA0103">
        <w:rPr>
          <w:b/>
          <w:bCs/>
        </w:rPr>
        <w:t xml:space="preserve">Mutacja </w:t>
      </w:r>
      <w:proofErr w:type="spellStart"/>
      <w:r w:rsidRPr="00BA0103">
        <w:rPr>
          <w:b/>
          <w:bCs/>
        </w:rPr>
        <w:t>Swap</w:t>
      </w:r>
      <w:proofErr w:type="spellEnd"/>
      <w:r w:rsidRPr="00BA0103">
        <w:rPr>
          <w:b/>
          <w:bCs/>
        </w:rPr>
        <w:t xml:space="preserve"> </w:t>
      </w:r>
      <w:r w:rsidR="00BA0103" w:rsidRPr="00BA0103">
        <w:rPr>
          <w:b/>
          <w:bCs/>
        </w:rPr>
        <w:t>–</w:t>
      </w:r>
      <w:r w:rsidRPr="00BA0103">
        <w:rPr>
          <w:b/>
          <w:bCs/>
        </w:rPr>
        <w:t xml:space="preserve"> </w:t>
      </w:r>
      <w:r w:rsidR="00BA0103" w:rsidRPr="00BA0103">
        <w:rPr>
          <w:b/>
          <w:bCs/>
        </w:rPr>
        <w:t xml:space="preserve">prawdopodobieństwo – </w:t>
      </w:r>
      <w:r w:rsidR="00796795">
        <w:rPr>
          <w:b/>
          <w:bCs/>
        </w:rPr>
        <w:t>3</w:t>
      </w:r>
      <w:r w:rsidR="00BA0103" w:rsidRPr="00BA0103">
        <w:rPr>
          <w:b/>
          <w:bCs/>
        </w:rPr>
        <w:t>%:</w:t>
      </w:r>
    </w:p>
    <w:p w14:paraId="7E86F840" w14:textId="2A354CB8" w:rsidR="00DF386B" w:rsidRDefault="00DF386B" w:rsidP="005F1DF8"/>
    <w:p w14:paraId="59CCF49A" w14:textId="26D0A169" w:rsidR="0058611B" w:rsidRDefault="0058611B" w:rsidP="005F1DF8"/>
    <w:p w14:paraId="2CCCF2B1" w14:textId="77777777" w:rsidR="0058611B" w:rsidRDefault="0058611B" w:rsidP="005F1DF8"/>
    <w:p w14:paraId="021E3709" w14:textId="51106F34" w:rsidR="00BA0103" w:rsidRDefault="00517AA4" w:rsidP="005F1DF8">
      <w:r>
        <w:rPr>
          <w:noProof/>
        </w:rPr>
        <w:drawing>
          <wp:inline distT="0" distB="0" distL="0" distR="0" wp14:anchorId="7AB53931" wp14:editId="73364CA5">
            <wp:extent cx="5760720" cy="2724150"/>
            <wp:effectExtent l="0" t="0" r="11430" b="0"/>
            <wp:docPr id="22" name="Wykres 22">
              <a:extLst xmlns:a="http://schemas.openxmlformats.org/drawingml/2006/main">
                <a:ext uri="{FF2B5EF4-FFF2-40B4-BE49-F238E27FC236}">
                  <a16:creationId xmlns:a16="http://schemas.microsoft.com/office/drawing/2014/main" id="{41B628E9-04EC-77C1-5474-E8592E6D7DEB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8"/>
              </a:graphicData>
            </a:graphic>
          </wp:inline>
        </w:drawing>
      </w:r>
    </w:p>
    <w:p w14:paraId="4E0E7C84" w14:textId="77777777" w:rsidR="008640A9" w:rsidRDefault="008640A9" w:rsidP="005F1DF8"/>
    <w:p w14:paraId="4C94F964" w14:textId="77777777" w:rsidR="008640A9" w:rsidRDefault="008640A9" w:rsidP="005F1DF8"/>
    <w:p w14:paraId="7C6403E6" w14:textId="77777777" w:rsidR="008640A9" w:rsidRDefault="008640A9" w:rsidP="005F1DF8"/>
    <w:p w14:paraId="5B58F9BB" w14:textId="0A305CC7" w:rsidR="00123EB1" w:rsidRDefault="00123EB1" w:rsidP="005F1DF8">
      <w:pPr>
        <w:rPr>
          <w:b/>
          <w:bCs/>
        </w:rPr>
      </w:pPr>
      <w:r w:rsidRPr="00123EB1">
        <w:rPr>
          <w:b/>
          <w:bCs/>
        </w:rPr>
        <w:lastRenderedPageBreak/>
        <w:t>Porównanie sposobów mutacji:</w:t>
      </w:r>
    </w:p>
    <w:p w14:paraId="5E231B7D" w14:textId="6DA3C6C8" w:rsidR="000E4B45" w:rsidRDefault="00FF750B" w:rsidP="005F1DF8">
      <w:r>
        <w:t xml:space="preserve">Lepszym sposobem jest mutacja </w:t>
      </w:r>
      <w:proofErr w:type="spellStart"/>
      <w:r>
        <w:t>Inverse</w:t>
      </w:r>
      <w:proofErr w:type="spellEnd"/>
      <w:r>
        <w:t xml:space="preserve"> ze zwiększonym prawdopodobieństwem</w:t>
      </w:r>
    </w:p>
    <w:p w14:paraId="0B5ADD9A" w14:textId="7564B969" w:rsidR="00310A99" w:rsidRDefault="00DF386B" w:rsidP="00DF386B">
      <w:pPr>
        <w:pStyle w:val="Nagwek2"/>
      </w:pPr>
      <w:r>
        <w:t>N</w:t>
      </w:r>
      <w:r w:rsidR="009E2449">
        <w:t>ajlepsze ustawienie</w:t>
      </w:r>
    </w:p>
    <w:p w14:paraId="3429DEC4" w14:textId="7D5FC0AC" w:rsidR="009E2449" w:rsidRDefault="009E2449" w:rsidP="009E2449">
      <w:r>
        <w:t>Po testach doszedłem do wniosku, że najlepszym ustawieniem będzie:</w:t>
      </w:r>
    </w:p>
    <w:p w14:paraId="7C2FB7D1" w14:textId="2CAC250C" w:rsidR="00FF750B" w:rsidRDefault="00C065FD" w:rsidP="00FF750B">
      <w:pPr>
        <w:pStyle w:val="Akapitzlist"/>
        <w:numPr>
          <w:ilvl w:val="0"/>
          <w:numId w:val="6"/>
        </w:numPr>
      </w:pPr>
      <w:r>
        <w:t>Selekcja Turniejowa,</w:t>
      </w:r>
      <w:r w:rsidR="00FF750B">
        <w:t xml:space="preserve"> </w:t>
      </w:r>
      <w:r w:rsidR="00962EB8">
        <w:t>1 % populacji</w:t>
      </w:r>
    </w:p>
    <w:p w14:paraId="17569120" w14:textId="621AD7C4" w:rsidR="00FF750B" w:rsidRDefault="00AA23A0" w:rsidP="009E2449">
      <w:pPr>
        <w:pStyle w:val="Akapitzlist"/>
        <w:numPr>
          <w:ilvl w:val="0"/>
          <w:numId w:val="6"/>
        </w:numPr>
      </w:pPr>
      <w:r>
        <w:t>Krzyżowanie OX, prawdopodobieństwo 70%</w:t>
      </w:r>
    </w:p>
    <w:p w14:paraId="21C956A8" w14:textId="1BD0F88F" w:rsidR="003909C4" w:rsidRDefault="00C065FD" w:rsidP="00A87EF9">
      <w:pPr>
        <w:pStyle w:val="Akapitzlist"/>
        <w:numPr>
          <w:ilvl w:val="0"/>
          <w:numId w:val="6"/>
        </w:numPr>
      </w:pPr>
      <w:r>
        <w:t xml:space="preserve">Mutacja </w:t>
      </w:r>
      <w:proofErr w:type="spellStart"/>
      <w:r w:rsidR="00196B26">
        <w:t>Inverse</w:t>
      </w:r>
      <w:proofErr w:type="spellEnd"/>
      <w:r w:rsidR="00A609E2">
        <w:t>, prawdopodobieństwo 1</w:t>
      </w:r>
      <w:r w:rsidR="00FF750B">
        <w:t>5</w:t>
      </w:r>
      <w:r w:rsidR="00A609E2">
        <w:t>%</w:t>
      </w:r>
    </w:p>
    <w:p w14:paraId="383546DA" w14:textId="6DDA379E" w:rsidR="009B022B" w:rsidRDefault="009B022B" w:rsidP="009B022B">
      <w:pPr>
        <w:pStyle w:val="Nagwek2"/>
      </w:pPr>
      <w:r>
        <w:t>Testowanie większe</w:t>
      </w:r>
      <w:r w:rsidR="00921A08">
        <w:t>go rozmiaru populacji i liczby generacji</w:t>
      </w:r>
    </w:p>
    <w:p w14:paraId="67949617" w14:textId="5CB1832C" w:rsidR="00921A08" w:rsidRDefault="00921A08" w:rsidP="00921A08">
      <w:r>
        <w:t xml:space="preserve">Badanie przeprowadzono dla </w:t>
      </w:r>
      <w:r w:rsidR="0002729F">
        <w:t>pliku hard_4</w:t>
      </w:r>
    </w:p>
    <w:tbl>
      <w:tblPr>
        <w:tblStyle w:val="Tabela-Siatka"/>
        <w:tblW w:w="10632" w:type="dxa"/>
        <w:tblInd w:w="-856" w:type="dxa"/>
        <w:tblLook w:val="04A0" w:firstRow="1" w:lastRow="0" w:firstColumn="1" w:lastColumn="0" w:noHBand="0" w:noVBand="1"/>
      </w:tblPr>
      <w:tblGrid>
        <w:gridCol w:w="1844"/>
        <w:gridCol w:w="1842"/>
        <w:gridCol w:w="1785"/>
        <w:gridCol w:w="1759"/>
        <w:gridCol w:w="1701"/>
        <w:gridCol w:w="1701"/>
      </w:tblGrid>
      <w:tr w:rsidR="005302C1" w14:paraId="0DEDD1AA" w14:textId="77777777" w:rsidTr="00030BAB">
        <w:trPr>
          <w:trHeight w:val="388"/>
        </w:trPr>
        <w:tc>
          <w:tcPr>
            <w:tcW w:w="5471" w:type="dxa"/>
            <w:gridSpan w:val="3"/>
          </w:tcPr>
          <w:p w14:paraId="62159077" w14:textId="77777777" w:rsidR="005302C1" w:rsidRDefault="005302C1" w:rsidP="00DB6D07">
            <w:pPr>
              <w:jc w:val="center"/>
            </w:pPr>
            <w:r>
              <w:t>Alg. Losowy [10k]</w:t>
            </w:r>
          </w:p>
        </w:tc>
        <w:tc>
          <w:tcPr>
            <w:tcW w:w="5161" w:type="dxa"/>
            <w:gridSpan w:val="3"/>
          </w:tcPr>
          <w:p w14:paraId="70540643" w14:textId="260A2435" w:rsidR="005302C1" w:rsidRDefault="005302C1" w:rsidP="00DB6D07">
            <w:pPr>
              <w:jc w:val="center"/>
            </w:pPr>
            <w:r>
              <w:t>Alg. Zachłanny</w:t>
            </w:r>
            <w:r w:rsidR="00AF2A31">
              <w:t>[439]</w:t>
            </w:r>
          </w:p>
        </w:tc>
      </w:tr>
      <w:tr w:rsidR="00030BAB" w14:paraId="543DD125" w14:textId="77777777" w:rsidTr="00030BAB">
        <w:trPr>
          <w:trHeight w:val="408"/>
        </w:trPr>
        <w:tc>
          <w:tcPr>
            <w:tcW w:w="1844" w:type="dxa"/>
          </w:tcPr>
          <w:p w14:paraId="14A5619A" w14:textId="77777777" w:rsidR="005302C1" w:rsidRDefault="005302C1" w:rsidP="00DB6D07">
            <w:pPr>
              <w:jc w:val="center"/>
            </w:pPr>
            <w:r>
              <w:t>Best</w:t>
            </w:r>
          </w:p>
        </w:tc>
        <w:tc>
          <w:tcPr>
            <w:tcW w:w="1842" w:type="dxa"/>
          </w:tcPr>
          <w:p w14:paraId="279E082B" w14:textId="77777777" w:rsidR="005302C1" w:rsidRDefault="005302C1" w:rsidP="00DB6D07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785" w:type="dxa"/>
          </w:tcPr>
          <w:p w14:paraId="74AC2E70" w14:textId="77777777" w:rsidR="005302C1" w:rsidRDefault="005302C1" w:rsidP="00DB6D07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759" w:type="dxa"/>
          </w:tcPr>
          <w:p w14:paraId="0C7E7035" w14:textId="77777777" w:rsidR="005302C1" w:rsidRDefault="005302C1" w:rsidP="00DB6D07">
            <w:pPr>
              <w:jc w:val="center"/>
            </w:pPr>
            <w:r>
              <w:t>Best</w:t>
            </w:r>
          </w:p>
        </w:tc>
        <w:tc>
          <w:tcPr>
            <w:tcW w:w="1701" w:type="dxa"/>
          </w:tcPr>
          <w:p w14:paraId="69A35BEC" w14:textId="77777777" w:rsidR="005302C1" w:rsidRDefault="005302C1" w:rsidP="00DB6D07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701" w:type="dxa"/>
          </w:tcPr>
          <w:p w14:paraId="3B0A4F31" w14:textId="77777777" w:rsidR="005302C1" w:rsidRDefault="005302C1" w:rsidP="00DB6D07">
            <w:pPr>
              <w:jc w:val="center"/>
            </w:pPr>
            <w:proofErr w:type="spellStart"/>
            <w:r>
              <w:t>Avg</w:t>
            </w:r>
            <w:proofErr w:type="spellEnd"/>
          </w:p>
        </w:tc>
      </w:tr>
      <w:tr w:rsidR="00030BAB" w14:paraId="2224CEF3" w14:textId="77777777" w:rsidTr="00030BAB">
        <w:trPr>
          <w:trHeight w:val="428"/>
        </w:trPr>
        <w:tc>
          <w:tcPr>
            <w:tcW w:w="1844" w:type="dxa"/>
          </w:tcPr>
          <w:p w14:paraId="61DCAE5D" w14:textId="31E007B3" w:rsidR="005302C1" w:rsidRPr="00FC676A" w:rsidRDefault="00B50D91" w:rsidP="00DB6D07">
            <w:pPr>
              <w:rPr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7</w:t>
            </w:r>
            <w:r w:rsidR="00030BAB">
              <w:rPr>
                <w:rFonts w:ascii="Cascadia Mono" w:hAnsi="Cascadia Mono" w:cs="Cascadia Mono"/>
                <w:color w:val="000000"/>
                <w:sz w:val="19"/>
                <w:szCs w:val="19"/>
              </w:rPr>
              <w:t> 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598</w:t>
            </w:r>
            <w:r w:rsidR="00030BAB">
              <w:rPr>
                <w:rFonts w:ascii="Cascadia Mono" w:hAnsi="Cascadia Mono" w:cs="Cascadia Mono"/>
                <w:color w:val="000000"/>
                <w:sz w:val="19"/>
                <w:szCs w:val="19"/>
              </w:rPr>
              <w:t xml:space="preserve"> 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042,31</w:t>
            </w:r>
          </w:p>
        </w:tc>
        <w:tc>
          <w:tcPr>
            <w:tcW w:w="1842" w:type="dxa"/>
          </w:tcPr>
          <w:p w14:paraId="6A1A029E" w14:textId="19FA55C7" w:rsidR="005302C1" w:rsidRPr="00FC676A" w:rsidRDefault="00030BAB" w:rsidP="00DB6D07">
            <w:pPr>
              <w:rPr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0 524 090,71</w:t>
            </w:r>
          </w:p>
        </w:tc>
        <w:tc>
          <w:tcPr>
            <w:tcW w:w="1785" w:type="dxa"/>
          </w:tcPr>
          <w:p w14:paraId="02E369A1" w14:textId="294E35BF" w:rsidR="005302C1" w:rsidRPr="00FC676A" w:rsidRDefault="00B50D91" w:rsidP="00DB6D07">
            <w:pPr>
              <w:rPr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9</w:t>
            </w:r>
            <w:r w:rsidR="00030BAB">
              <w:rPr>
                <w:rFonts w:ascii="Cascadia Mono" w:hAnsi="Cascadia Mono" w:cs="Cascadia Mono"/>
                <w:color w:val="000000"/>
                <w:sz w:val="19"/>
                <w:szCs w:val="19"/>
              </w:rPr>
              <w:t> 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045</w:t>
            </w:r>
            <w:r w:rsidR="00030BAB">
              <w:rPr>
                <w:rFonts w:ascii="Cascadia Mono" w:hAnsi="Cascadia Mono" w:cs="Cascadia Mono"/>
                <w:color w:val="000000"/>
                <w:sz w:val="19"/>
                <w:szCs w:val="19"/>
              </w:rPr>
              <w:t xml:space="preserve"> 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492,77</w:t>
            </w:r>
          </w:p>
        </w:tc>
        <w:tc>
          <w:tcPr>
            <w:tcW w:w="1759" w:type="dxa"/>
          </w:tcPr>
          <w:p w14:paraId="6957ED20" w14:textId="39E347C9" w:rsidR="005302C1" w:rsidRPr="00FC676A" w:rsidRDefault="00030BAB" w:rsidP="00DB6D07">
            <w:pPr>
              <w:rPr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 272 283,56</w:t>
            </w:r>
          </w:p>
        </w:tc>
        <w:tc>
          <w:tcPr>
            <w:tcW w:w="1701" w:type="dxa"/>
          </w:tcPr>
          <w:p w14:paraId="6D30C1D6" w14:textId="360F4C01" w:rsidR="005302C1" w:rsidRPr="00FC676A" w:rsidRDefault="00030BAB" w:rsidP="00DB6D07">
            <w:pPr>
              <w:rPr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 462 872,93</w:t>
            </w:r>
          </w:p>
        </w:tc>
        <w:tc>
          <w:tcPr>
            <w:tcW w:w="1701" w:type="dxa"/>
          </w:tcPr>
          <w:p w14:paraId="02891E17" w14:textId="4707E6F5" w:rsidR="005302C1" w:rsidRPr="00FC676A" w:rsidRDefault="00030BAB" w:rsidP="00DB6D07">
            <w:pPr>
              <w:rPr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 356 906,54</w:t>
            </w:r>
          </w:p>
        </w:tc>
      </w:tr>
    </w:tbl>
    <w:p w14:paraId="61FB994C" w14:textId="77777777" w:rsidR="0002729F" w:rsidRDefault="0002729F" w:rsidP="00921A08"/>
    <w:tbl>
      <w:tblPr>
        <w:tblStyle w:val="Tabela-Siatka"/>
        <w:tblW w:w="10705" w:type="dxa"/>
        <w:tblInd w:w="-929" w:type="dxa"/>
        <w:tblLook w:val="04A0" w:firstRow="1" w:lastRow="0" w:firstColumn="1" w:lastColumn="0" w:noHBand="0" w:noVBand="1"/>
      </w:tblPr>
      <w:tblGrid>
        <w:gridCol w:w="1135"/>
        <w:gridCol w:w="2057"/>
        <w:gridCol w:w="2268"/>
        <w:gridCol w:w="1985"/>
        <w:gridCol w:w="1843"/>
        <w:gridCol w:w="1417"/>
      </w:tblGrid>
      <w:tr w:rsidR="00030BAB" w14:paraId="60BE5FB2" w14:textId="06641899" w:rsidTr="002765D6">
        <w:trPr>
          <w:trHeight w:val="388"/>
        </w:trPr>
        <w:tc>
          <w:tcPr>
            <w:tcW w:w="3192" w:type="dxa"/>
            <w:gridSpan w:val="2"/>
          </w:tcPr>
          <w:p w14:paraId="5BD3E56F" w14:textId="4C9FD069" w:rsidR="00030BAB" w:rsidRDefault="0004213D" w:rsidP="00A532EB">
            <w:pPr>
              <w:jc w:val="center"/>
            </w:pPr>
            <w:r>
              <w:t>Parametry</w:t>
            </w:r>
          </w:p>
        </w:tc>
        <w:tc>
          <w:tcPr>
            <w:tcW w:w="7513" w:type="dxa"/>
            <w:gridSpan w:val="4"/>
          </w:tcPr>
          <w:p w14:paraId="49105ED4" w14:textId="517296C0" w:rsidR="00030BAB" w:rsidRDefault="00030BAB" w:rsidP="00A532EB">
            <w:pPr>
              <w:jc w:val="center"/>
            </w:pPr>
            <w:r>
              <w:t>Alg. Ewolucyjny [10x]</w:t>
            </w:r>
          </w:p>
        </w:tc>
      </w:tr>
      <w:tr w:rsidR="00AC4586" w14:paraId="0324A846" w14:textId="2263D082" w:rsidTr="002765D6">
        <w:trPr>
          <w:trHeight w:val="408"/>
        </w:trPr>
        <w:tc>
          <w:tcPr>
            <w:tcW w:w="1135" w:type="dxa"/>
          </w:tcPr>
          <w:p w14:paraId="3CE0DEA9" w14:textId="62573AFD" w:rsidR="00AC4586" w:rsidRDefault="00AC4586" w:rsidP="00A532EB">
            <w:pPr>
              <w:jc w:val="center"/>
            </w:pPr>
            <w:r>
              <w:t>Populacja</w:t>
            </w:r>
          </w:p>
        </w:tc>
        <w:tc>
          <w:tcPr>
            <w:tcW w:w="2057" w:type="dxa"/>
          </w:tcPr>
          <w:p w14:paraId="19CAC839" w14:textId="6837F5F9" w:rsidR="00AC4586" w:rsidRDefault="00AC4586" w:rsidP="00A532EB">
            <w:pPr>
              <w:jc w:val="center"/>
            </w:pPr>
            <w:r>
              <w:t>Generacje</w:t>
            </w:r>
          </w:p>
        </w:tc>
        <w:tc>
          <w:tcPr>
            <w:tcW w:w="2268" w:type="dxa"/>
          </w:tcPr>
          <w:p w14:paraId="60336E96" w14:textId="77777777" w:rsidR="00AC4586" w:rsidRDefault="00AC4586" w:rsidP="00A532EB">
            <w:pPr>
              <w:jc w:val="center"/>
            </w:pPr>
            <w:r>
              <w:t>Best</w:t>
            </w:r>
          </w:p>
        </w:tc>
        <w:tc>
          <w:tcPr>
            <w:tcW w:w="1985" w:type="dxa"/>
          </w:tcPr>
          <w:p w14:paraId="30264EAE" w14:textId="77777777" w:rsidR="00AC4586" w:rsidRDefault="00AC4586" w:rsidP="00A532EB">
            <w:pPr>
              <w:jc w:val="center"/>
            </w:pPr>
            <w:proofErr w:type="spellStart"/>
            <w:r>
              <w:t>Worst</w:t>
            </w:r>
            <w:proofErr w:type="spellEnd"/>
          </w:p>
        </w:tc>
        <w:tc>
          <w:tcPr>
            <w:tcW w:w="1843" w:type="dxa"/>
          </w:tcPr>
          <w:p w14:paraId="48A5290D" w14:textId="77777777" w:rsidR="00AC4586" w:rsidRDefault="00AC4586" w:rsidP="00A532EB">
            <w:pPr>
              <w:jc w:val="center"/>
            </w:pPr>
            <w:proofErr w:type="spellStart"/>
            <w:r>
              <w:t>Avg</w:t>
            </w:r>
            <w:proofErr w:type="spellEnd"/>
          </w:p>
        </w:tc>
        <w:tc>
          <w:tcPr>
            <w:tcW w:w="1417" w:type="dxa"/>
          </w:tcPr>
          <w:p w14:paraId="6A42D45B" w14:textId="7D67D3D3" w:rsidR="00AC4586" w:rsidRDefault="00AC4586" w:rsidP="00A532EB">
            <w:pPr>
              <w:jc w:val="center"/>
            </w:pPr>
            <w:proofErr w:type="spellStart"/>
            <w:r>
              <w:t>Std</w:t>
            </w:r>
            <w:proofErr w:type="spellEnd"/>
          </w:p>
        </w:tc>
      </w:tr>
      <w:tr w:rsidR="00AC4586" w14:paraId="74125DC1" w14:textId="65FA1FB7" w:rsidTr="001756C3">
        <w:trPr>
          <w:trHeight w:val="428"/>
        </w:trPr>
        <w:tc>
          <w:tcPr>
            <w:tcW w:w="1135" w:type="dxa"/>
            <w:vAlign w:val="center"/>
          </w:tcPr>
          <w:p w14:paraId="450FFC7F" w14:textId="5E1483CB" w:rsidR="00AC4586" w:rsidRPr="001756C3" w:rsidRDefault="009F45A7" w:rsidP="003909C4">
            <w:pPr>
              <w:rPr>
                <w:sz w:val="19"/>
                <w:szCs w:val="19"/>
              </w:rPr>
            </w:pPr>
            <w:r w:rsidRPr="001756C3">
              <w:rPr>
                <w:rFonts w:ascii="Cascadia Mono" w:hAnsi="Cascadia Mono" w:cs="Cascadia Mono"/>
                <w:color w:val="000000"/>
                <w:sz w:val="19"/>
                <w:szCs w:val="19"/>
              </w:rPr>
              <w:t>2000</w:t>
            </w:r>
            <w:r w:rsidR="00AC4586" w:rsidRPr="001756C3">
              <w:rPr>
                <w:rFonts w:ascii="Cascadia Mono" w:hAnsi="Cascadia Mono" w:cs="Cascadia Mono"/>
                <w:color w:val="000000"/>
                <w:sz w:val="19"/>
                <w:szCs w:val="19"/>
              </w:rPr>
              <w:t xml:space="preserve"> </w:t>
            </w:r>
          </w:p>
        </w:tc>
        <w:tc>
          <w:tcPr>
            <w:tcW w:w="2057" w:type="dxa"/>
            <w:vAlign w:val="center"/>
          </w:tcPr>
          <w:p w14:paraId="11567147" w14:textId="56B9BF6F" w:rsidR="00AC4586" w:rsidRPr="001756C3" w:rsidRDefault="009F45A7" w:rsidP="003909C4">
            <w:pPr>
              <w:rPr>
                <w:sz w:val="19"/>
                <w:szCs w:val="19"/>
              </w:rPr>
            </w:pPr>
            <w:r w:rsidRPr="001756C3">
              <w:rPr>
                <w:rFonts w:ascii="Cascadia Mono" w:hAnsi="Cascadia Mono" w:cs="Cascadia Mono"/>
                <w:color w:val="000000"/>
                <w:sz w:val="19"/>
                <w:szCs w:val="19"/>
              </w:rPr>
              <w:t>400</w:t>
            </w:r>
          </w:p>
        </w:tc>
        <w:tc>
          <w:tcPr>
            <w:tcW w:w="2268" w:type="dxa"/>
            <w:vAlign w:val="center"/>
          </w:tcPr>
          <w:p w14:paraId="0EA2DD56" w14:textId="09EE2CB5" w:rsidR="00AC4586" w:rsidRPr="00201B50" w:rsidRDefault="003A41B6" w:rsidP="003909C4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</w:t>
            </w:r>
            <w:r w:rsidR="002765D6">
              <w:rPr>
                <w:rFonts w:ascii="Cascadia Mono" w:hAnsi="Cascadia Mono" w:cs="Cascadia Mono"/>
                <w:color w:val="000000"/>
                <w:sz w:val="19"/>
                <w:szCs w:val="19"/>
              </w:rPr>
              <w:t xml:space="preserve"> 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463</w:t>
            </w:r>
            <w:r w:rsidR="002765D6">
              <w:rPr>
                <w:rFonts w:ascii="Cascadia Mono" w:hAnsi="Cascadia Mono" w:cs="Cascadia Mono"/>
                <w:color w:val="000000"/>
                <w:sz w:val="19"/>
                <w:szCs w:val="19"/>
              </w:rPr>
              <w:t xml:space="preserve"> 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427,49</w:t>
            </w:r>
          </w:p>
        </w:tc>
        <w:tc>
          <w:tcPr>
            <w:tcW w:w="1985" w:type="dxa"/>
            <w:vAlign w:val="center"/>
          </w:tcPr>
          <w:p w14:paraId="1911EC75" w14:textId="3743CEBD" w:rsidR="00AC4586" w:rsidRPr="00201B50" w:rsidRDefault="003A41B6" w:rsidP="003909C4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3</w:t>
            </w:r>
            <w:r w:rsidR="002765D6">
              <w:rPr>
                <w:rFonts w:ascii="Cascadia Mono" w:hAnsi="Cascadia Mono" w:cs="Cascadia Mono"/>
                <w:color w:val="000000"/>
                <w:sz w:val="19"/>
                <w:szCs w:val="19"/>
              </w:rPr>
              <w:t> 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115</w:t>
            </w:r>
            <w:r w:rsidR="002765D6">
              <w:rPr>
                <w:rFonts w:ascii="Cascadia Mono" w:hAnsi="Cascadia Mono" w:cs="Cascadia Mono"/>
                <w:color w:val="000000"/>
                <w:sz w:val="19"/>
                <w:szCs w:val="19"/>
              </w:rPr>
              <w:t xml:space="preserve"> 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145,47</w:t>
            </w:r>
          </w:p>
        </w:tc>
        <w:tc>
          <w:tcPr>
            <w:tcW w:w="1843" w:type="dxa"/>
            <w:vAlign w:val="center"/>
          </w:tcPr>
          <w:p w14:paraId="5FA91187" w14:textId="777F01A1" w:rsidR="00AC4586" w:rsidRPr="00201B50" w:rsidRDefault="003A41B6" w:rsidP="003909C4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2</w:t>
            </w:r>
            <w:r w:rsidR="002765D6">
              <w:rPr>
                <w:rFonts w:ascii="Cascadia Mono" w:hAnsi="Cascadia Mono" w:cs="Cascadia Mono"/>
                <w:color w:val="000000"/>
                <w:sz w:val="19"/>
                <w:szCs w:val="19"/>
              </w:rPr>
              <w:t> 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656</w:t>
            </w:r>
            <w:r w:rsidR="002765D6">
              <w:rPr>
                <w:rFonts w:ascii="Cascadia Mono" w:hAnsi="Cascadia Mono" w:cs="Cascadia Mono"/>
                <w:color w:val="000000"/>
                <w:sz w:val="19"/>
                <w:szCs w:val="19"/>
              </w:rPr>
              <w:t xml:space="preserve"> </w:t>
            </w: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586,17</w:t>
            </w:r>
          </w:p>
        </w:tc>
        <w:tc>
          <w:tcPr>
            <w:tcW w:w="1417" w:type="dxa"/>
            <w:vAlign w:val="center"/>
          </w:tcPr>
          <w:p w14:paraId="479F8D4A" w14:textId="5E6E638A" w:rsidR="00AC4586" w:rsidRPr="00201B50" w:rsidRDefault="002765D6" w:rsidP="003909C4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99 851,30</w:t>
            </w:r>
          </w:p>
        </w:tc>
      </w:tr>
      <w:tr w:rsidR="00AC4586" w14:paraId="5290A5E4" w14:textId="14F594F4" w:rsidTr="001756C3">
        <w:trPr>
          <w:trHeight w:val="428"/>
        </w:trPr>
        <w:tc>
          <w:tcPr>
            <w:tcW w:w="1135" w:type="dxa"/>
            <w:vAlign w:val="center"/>
          </w:tcPr>
          <w:p w14:paraId="4C693941" w14:textId="21897FB8" w:rsidR="00AC4586" w:rsidRPr="001756C3" w:rsidRDefault="009F45A7" w:rsidP="003909C4">
            <w:pPr>
              <w:rPr>
                <w:rFonts w:ascii="Cascadia Mono" w:hAnsi="Cascadia Mono" w:cs="Cascadia Mono"/>
                <w:color w:val="000000"/>
                <w:sz w:val="19"/>
                <w:szCs w:val="19"/>
              </w:rPr>
            </w:pPr>
            <w:r w:rsidRPr="001756C3">
              <w:rPr>
                <w:rFonts w:ascii="Cascadia Mono" w:hAnsi="Cascadia Mono" w:cs="Cascadia Mono"/>
                <w:color w:val="000000"/>
                <w:sz w:val="19"/>
                <w:szCs w:val="19"/>
              </w:rPr>
              <w:t>5000</w:t>
            </w:r>
          </w:p>
        </w:tc>
        <w:tc>
          <w:tcPr>
            <w:tcW w:w="2057" w:type="dxa"/>
            <w:vAlign w:val="center"/>
          </w:tcPr>
          <w:p w14:paraId="7BC63F56" w14:textId="3466E21F" w:rsidR="00AC4586" w:rsidRPr="001756C3" w:rsidRDefault="009F45A7" w:rsidP="003909C4">
            <w:pPr>
              <w:rPr>
                <w:rFonts w:ascii="Cascadia Mono" w:hAnsi="Cascadia Mono" w:cs="Cascadia Mono"/>
                <w:color w:val="000000"/>
                <w:sz w:val="19"/>
                <w:szCs w:val="19"/>
              </w:rPr>
            </w:pPr>
            <w:r w:rsidRPr="001756C3">
              <w:rPr>
                <w:rFonts w:ascii="Cascadia Mono" w:hAnsi="Cascadia Mono" w:cs="Cascadia Mono"/>
                <w:color w:val="000000"/>
                <w:sz w:val="19"/>
                <w:szCs w:val="19"/>
              </w:rPr>
              <w:t>1000</w:t>
            </w:r>
          </w:p>
        </w:tc>
        <w:tc>
          <w:tcPr>
            <w:tcW w:w="2268" w:type="dxa"/>
            <w:vAlign w:val="center"/>
          </w:tcPr>
          <w:p w14:paraId="7298E9DC" w14:textId="5CEBE701" w:rsidR="00AC4586" w:rsidRPr="00201B50" w:rsidRDefault="001756C3" w:rsidP="003909C4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 159 706,75</w:t>
            </w:r>
          </w:p>
        </w:tc>
        <w:tc>
          <w:tcPr>
            <w:tcW w:w="1985" w:type="dxa"/>
            <w:vAlign w:val="center"/>
          </w:tcPr>
          <w:p w14:paraId="6F508C1D" w14:textId="1D12987E" w:rsidR="00AC4586" w:rsidRPr="00201B50" w:rsidRDefault="001756C3" w:rsidP="003909C4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 491 947,60</w:t>
            </w:r>
          </w:p>
        </w:tc>
        <w:tc>
          <w:tcPr>
            <w:tcW w:w="1843" w:type="dxa"/>
            <w:vAlign w:val="center"/>
          </w:tcPr>
          <w:p w14:paraId="001C23A8" w14:textId="2CE5797D" w:rsidR="00AC4586" w:rsidRPr="00201B50" w:rsidRDefault="001756C3" w:rsidP="003909C4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-1 211 438,34</w:t>
            </w:r>
          </w:p>
        </w:tc>
        <w:tc>
          <w:tcPr>
            <w:tcW w:w="1417" w:type="dxa"/>
            <w:vAlign w:val="center"/>
          </w:tcPr>
          <w:p w14:paraId="2C5FFF34" w14:textId="7A28E5CF" w:rsidR="00AC4586" w:rsidRPr="00201B50" w:rsidRDefault="001756C3" w:rsidP="003909C4">
            <w:pPr>
              <w:rPr>
                <w:rFonts w:ascii="Cascadia Mono" w:hAnsi="Cascadia Mono"/>
                <w:sz w:val="16"/>
                <w:szCs w:val="16"/>
              </w:rPr>
            </w:pPr>
            <w:r>
              <w:rPr>
                <w:rFonts w:ascii="Cascadia Mono" w:hAnsi="Cascadia Mono" w:cs="Cascadia Mono"/>
                <w:color w:val="000000"/>
                <w:sz w:val="19"/>
                <w:szCs w:val="19"/>
              </w:rPr>
              <w:t>28 035,79</w:t>
            </w:r>
          </w:p>
        </w:tc>
      </w:tr>
    </w:tbl>
    <w:p w14:paraId="778E1186" w14:textId="3F514C6E" w:rsidR="00921A08" w:rsidRDefault="00952365" w:rsidP="00921A08">
      <w:r>
        <w:rPr>
          <w:noProof/>
        </w:rPr>
        <w:drawing>
          <wp:anchor distT="0" distB="0" distL="114300" distR="114300" simplePos="0" relativeHeight="251661312" behindDoc="0" locked="0" layoutInCell="1" allowOverlap="1" wp14:anchorId="2A112509" wp14:editId="2C4F6767">
            <wp:simplePos x="0" y="0"/>
            <wp:positionH relativeFrom="margin">
              <wp:align>center</wp:align>
            </wp:positionH>
            <wp:positionV relativeFrom="paragraph">
              <wp:posOffset>224155</wp:posOffset>
            </wp:positionV>
            <wp:extent cx="7038975" cy="4048125"/>
            <wp:effectExtent l="0" t="0" r="9525" b="9525"/>
            <wp:wrapTopAndBottom/>
            <wp:docPr id="2" name="Wykres 2">
              <a:extLst xmlns:a="http://schemas.openxmlformats.org/drawingml/2006/main">
                <a:ext uri="{FF2B5EF4-FFF2-40B4-BE49-F238E27FC236}">
                  <a16:creationId xmlns:a16="http://schemas.microsoft.com/office/drawing/2014/main" id="{950FB925-D05F-A4CB-ABF9-0F39F3DF348E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9"/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57A4A0B5" w14:textId="1030E86D" w:rsidR="00562950" w:rsidRPr="00A87EF9" w:rsidRDefault="00562950" w:rsidP="00A87EF9"/>
    <w:sectPr w:rsidR="00562950" w:rsidRPr="00A87EF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scadia Mono">
    <w:panose1 w:val="020B0609020000020004"/>
    <w:charset w:val="EE"/>
    <w:family w:val="modern"/>
    <w:pitch w:val="fixed"/>
    <w:sig w:usb0="A10002FF" w:usb1="4000F9FB" w:usb2="0004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AE94560"/>
    <w:multiLevelType w:val="hybridMultilevel"/>
    <w:tmpl w:val="AAC60468"/>
    <w:lvl w:ilvl="0" w:tplc="0415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E922216"/>
    <w:multiLevelType w:val="hybridMultilevel"/>
    <w:tmpl w:val="8ABE38F0"/>
    <w:lvl w:ilvl="0" w:tplc="F864D81E">
      <w:start w:val="1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2292668C"/>
    <w:multiLevelType w:val="hybridMultilevel"/>
    <w:tmpl w:val="D1EA9586"/>
    <w:lvl w:ilvl="0" w:tplc="041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3C60DA1"/>
    <w:multiLevelType w:val="hybridMultilevel"/>
    <w:tmpl w:val="16FAF146"/>
    <w:lvl w:ilvl="0" w:tplc="041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484363AF"/>
    <w:multiLevelType w:val="hybridMultilevel"/>
    <w:tmpl w:val="94F4CE04"/>
    <w:lvl w:ilvl="0" w:tplc="041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50019" w:tentative="1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70FB2F3E"/>
    <w:multiLevelType w:val="hybridMultilevel"/>
    <w:tmpl w:val="310CF854"/>
    <w:lvl w:ilvl="0" w:tplc="0415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718822906">
    <w:abstractNumId w:val="2"/>
  </w:num>
  <w:num w:numId="2" w16cid:durableId="1701710074">
    <w:abstractNumId w:val="3"/>
  </w:num>
  <w:num w:numId="3" w16cid:durableId="360206332">
    <w:abstractNumId w:val="4"/>
  </w:num>
  <w:num w:numId="4" w16cid:durableId="1393846121">
    <w:abstractNumId w:val="1"/>
  </w:num>
  <w:num w:numId="5" w16cid:durableId="879630040">
    <w:abstractNumId w:val="0"/>
  </w:num>
  <w:num w:numId="6" w16cid:durableId="134034568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9061BE"/>
    <w:rsid w:val="00012050"/>
    <w:rsid w:val="00020DB0"/>
    <w:rsid w:val="00022095"/>
    <w:rsid w:val="000234DF"/>
    <w:rsid w:val="0002729F"/>
    <w:rsid w:val="00030BAB"/>
    <w:rsid w:val="0004213D"/>
    <w:rsid w:val="00050504"/>
    <w:rsid w:val="00080566"/>
    <w:rsid w:val="000806A0"/>
    <w:rsid w:val="00085B54"/>
    <w:rsid w:val="000C089B"/>
    <w:rsid w:val="000D0B37"/>
    <w:rsid w:val="000E4B45"/>
    <w:rsid w:val="000E5B10"/>
    <w:rsid w:val="000F7EAF"/>
    <w:rsid w:val="00123EB1"/>
    <w:rsid w:val="00130183"/>
    <w:rsid w:val="001531C4"/>
    <w:rsid w:val="001576A3"/>
    <w:rsid w:val="001756C3"/>
    <w:rsid w:val="001878AC"/>
    <w:rsid w:val="001909EB"/>
    <w:rsid w:val="0019500C"/>
    <w:rsid w:val="001968EE"/>
    <w:rsid w:val="00196B26"/>
    <w:rsid w:val="001A1962"/>
    <w:rsid w:val="001B052C"/>
    <w:rsid w:val="001D17C8"/>
    <w:rsid w:val="001D5FCC"/>
    <w:rsid w:val="00201B50"/>
    <w:rsid w:val="002128F8"/>
    <w:rsid w:val="00240025"/>
    <w:rsid w:val="00250C74"/>
    <w:rsid w:val="00256364"/>
    <w:rsid w:val="00275991"/>
    <w:rsid w:val="002765D6"/>
    <w:rsid w:val="00282DBD"/>
    <w:rsid w:val="002D28CD"/>
    <w:rsid w:val="002E7568"/>
    <w:rsid w:val="002F1863"/>
    <w:rsid w:val="002F3FF8"/>
    <w:rsid w:val="002F7657"/>
    <w:rsid w:val="00310A99"/>
    <w:rsid w:val="003126D5"/>
    <w:rsid w:val="00312EA9"/>
    <w:rsid w:val="003320AA"/>
    <w:rsid w:val="003364EA"/>
    <w:rsid w:val="00340385"/>
    <w:rsid w:val="00341D98"/>
    <w:rsid w:val="0035364E"/>
    <w:rsid w:val="00355F6F"/>
    <w:rsid w:val="0037751E"/>
    <w:rsid w:val="00381FC0"/>
    <w:rsid w:val="003909C4"/>
    <w:rsid w:val="00393D6F"/>
    <w:rsid w:val="00394BB4"/>
    <w:rsid w:val="003A21FC"/>
    <w:rsid w:val="003A41B6"/>
    <w:rsid w:val="003F44AB"/>
    <w:rsid w:val="003F7553"/>
    <w:rsid w:val="00401C25"/>
    <w:rsid w:val="00411D52"/>
    <w:rsid w:val="00421211"/>
    <w:rsid w:val="00424198"/>
    <w:rsid w:val="00424DE6"/>
    <w:rsid w:val="004336CB"/>
    <w:rsid w:val="00452B7F"/>
    <w:rsid w:val="00486E9B"/>
    <w:rsid w:val="004B74BD"/>
    <w:rsid w:val="004E0CDC"/>
    <w:rsid w:val="004F40E8"/>
    <w:rsid w:val="00500D5D"/>
    <w:rsid w:val="00517AA4"/>
    <w:rsid w:val="005302C1"/>
    <w:rsid w:val="00536C96"/>
    <w:rsid w:val="00561E8D"/>
    <w:rsid w:val="00562950"/>
    <w:rsid w:val="00574F40"/>
    <w:rsid w:val="0058611B"/>
    <w:rsid w:val="005A45EC"/>
    <w:rsid w:val="005D1BD4"/>
    <w:rsid w:val="005F1DF8"/>
    <w:rsid w:val="00606463"/>
    <w:rsid w:val="006079C5"/>
    <w:rsid w:val="006234D6"/>
    <w:rsid w:val="00635A33"/>
    <w:rsid w:val="006410C2"/>
    <w:rsid w:val="006449D0"/>
    <w:rsid w:val="00652DD9"/>
    <w:rsid w:val="00657812"/>
    <w:rsid w:val="0066050B"/>
    <w:rsid w:val="00671140"/>
    <w:rsid w:val="0067654B"/>
    <w:rsid w:val="00677328"/>
    <w:rsid w:val="00686CAF"/>
    <w:rsid w:val="00693304"/>
    <w:rsid w:val="006C0FFE"/>
    <w:rsid w:val="006D4913"/>
    <w:rsid w:val="006E630C"/>
    <w:rsid w:val="006F2596"/>
    <w:rsid w:val="00703096"/>
    <w:rsid w:val="0071175D"/>
    <w:rsid w:val="00734852"/>
    <w:rsid w:val="00752C3D"/>
    <w:rsid w:val="007811E8"/>
    <w:rsid w:val="00785A93"/>
    <w:rsid w:val="00790EDE"/>
    <w:rsid w:val="00796795"/>
    <w:rsid w:val="00796C38"/>
    <w:rsid w:val="007B3ED7"/>
    <w:rsid w:val="007B6C99"/>
    <w:rsid w:val="007F1A2D"/>
    <w:rsid w:val="008058D1"/>
    <w:rsid w:val="00805A35"/>
    <w:rsid w:val="008075BF"/>
    <w:rsid w:val="00832F54"/>
    <w:rsid w:val="008640A9"/>
    <w:rsid w:val="008B1E19"/>
    <w:rsid w:val="008B25EA"/>
    <w:rsid w:val="008C7230"/>
    <w:rsid w:val="008D3EE1"/>
    <w:rsid w:val="008D60ED"/>
    <w:rsid w:val="008E6416"/>
    <w:rsid w:val="00902804"/>
    <w:rsid w:val="009061BE"/>
    <w:rsid w:val="00920DEB"/>
    <w:rsid w:val="00921A08"/>
    <w:rsid w:val="00930FDE"/>
    <w:rsid w:val="00941AF1"/>
    <w:rsid w:val="00947455"/>
    <w:rsid w:val="00952365"/>
    <w:rsid w:val="00962EB8"/>
    <w:rsid w:val="0096387B"/>
    <w:rsid w:val="009665F2"/>
    <w:rsid w:val="00977047"/>
    <w:rsid w:val="0099226C"/>
    <w:rsid w:val="009A4AD5"/>
    <w:rsid w:val="009B022B"/>
    <w:rsid w:val="009B606F"/>
    <w:rsid w:val="009E0B75"/>
    <w:rsid w:val="009E2449"/>
    <w:rsid w:val="009E4090"/>
    <w:rsid w:val="009E426F"/>
    <w:rsid w:val="009F35D1"/>
    <w:rsid w:val="009F45A7"/>
    <w:rsid w:val="00A03BAE"/>
    <w:rsid w:val="00A609E2"/>
    <w:rsid w:val="00A80F64"/>
    <w:rsid w:val="00A87EF9"/>
    <w:rsid w:val="00A931AF"/>
    <w:rsid w:val="00AA23A0"/>
    <w:rsid w:val="00AB3E76"/>
    <w:rsid w:val="00AB6B2D"/>
    <w:rsid w:val="00AC2CB2"/>
    <w:rsid w:val="00AC4586"/>
    <w:rsid w:val="00AD3ABC"/>
    <w:rsid w:val="00AF2A31"/>
    <w:rsid w:val="00B014F4"/>
    <w:rsid w:val="00B039AA"/>
    <w:rsid w:val="00B0550D"/>
    <w:rsid w:val="00B23304"/>
    <w:rsid w:val="00B37D42"/>
    <w:rsid w:val="00B50D91"/>
    <w:rsid w:val="00B73CD1"/>
    <w:rsid w:val="00B81F41"/>
    <w:rsid w:val="00B9096A"/>
    <w:rsid w:val="00B93ED9"/>
    <w:rsid w:val="00BA0103"/>
    <w:rsid w:val="00BB703F"/>
    <w:rsid w:val="00BC013B"/>
    <w:rsid w:val="00BD48BB"/>
    <w:rsid w:val="00BE6DAC"/>
    <w:rsid w:val="00BF05B0"/>
    <w:rsid w:val="00BF0A49"/>
    <w:rsid w:val="00C02DD4"/>
    <w:rsid w:val="00C03EE1"/>
    <w:rsid w:val="00C065FD"/>
    <w:rsid w:val="00C1721B"/>
    <w:rsid w:val="00C21ABA"/>
    <w:rsid w:val="00C44A61"/>
    <w:rsid w:val="00C5585C"/>
    <w:rsid w:val="00C57B6D"/>
    <w:rsid w:val="00C729E7"/>
    <w:rsid w:val="00C82FF0"/>
    <w:rsid w:val="00CA67AB"/>
    <w:rsid w:val="00CB0806"/>
    <w:rsid w:val="00CC07BF"/>
    <w:rsid w:val="00D016AB"/>
    <w:rsid w:val="00D26068"/>
    <w:rsid w:val="00D70D6A"/>
    <w:rsid w:val="00D76A5A"/>
    <w:rsid w:val="00DA2660"/>
    <w:rsid w:val="00DB0CAB"/>
    <w:rsid w:val="00DB7DF6"/>
    <w:rsid w:val="00DF386B"/>
    <w:rsid w:val="00E1537A"/>
    <w:rsid w:val="00E24643"/>
    <w:rsid w:val="00E359BE"/>
    <w:rsid w:val="00E44025"/>
    <w:rsid w:val="00E62033"/>
    <w:rsid w:val="00E6527D"/>
    <w:rsid w:val="00E84F92"/>
    <w:rsid w:val="00E90E8F"/>
    <w:rsid w:val="00EA7D87"/>
    <w:rsid w:val="00ED372D"/>
    <w:rsid w:val="00ED7F5C"/>
    <w:rsid w:val="00F063C9"/>
    <w:rsid w:val="00F2356E"/>
    <w:rsid w:val="00F277A9"/>
    <w:rsid w:val="00F31328"/>
    <w:rsid w:val="00F51B08"/>
    <w:rsid w:val="00F61C4D"/>
    <w:rsid w:val="00F91A27"/>
    <w:rsid w:val="00FC676A"/>
    <w:rsid w:val="00FC7C4F"/>
    <w:rsid w:val="00FD4C80"/>
    <w:rsid w:val="00FF750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FFB9676"/>
  <w15:chartTrackingRefBased/>
  <w15:docId w15:val="{18991042-C177-4AAD-ACFB-BDE7F5E75DB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ny">
    <w:name w:val="Normal"/>
    <w:qFormat/>
  </w:style>
  <w:style w:type="paragraph" w:styleId="Nagwek1">
    <w:name w:val="heading 1"/>
    <w:basedOn w:val="Normalny"/>
    <w:next w:val="Normalny"/>
    <w:link w:val="Nagwek1Znak"/>
    <w:uiPriority w:val="9"/>
    <w:qFormat/>
    <w:rsid w:val="005F1DF8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Nagwek2">
    <w:name w:val="heading 2"/>
    <w:basedOn w:val="Normalny"/>
    <w:next w:val="Normalny"/>
    <w:link w:val="Nagwek2Znak"/>
    <w:uiPriority w:val="9"/>
    <w:unhideWhenUsed/>
    <w:qFormat/>
    <w:rsid w:val="005F1DF8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table" w:styleId="Tabela-Siatka">
    <w:name w:val="Table Grid"/>
    <w:basedOn w:val="Standardowy"/>
    <w:uiPriority w:val="39"/>
    <w:rsid w:val="009061B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kapitzlist">
    <w:name w:val="List Paragraph"/>
    <w:basedOn w:val="Normalny"/>
    <w:uiPriority w:val="34"/>
    <w:qFormat/>
    <w:rsid w:val="005F1DF8"/>
    <w:pPr>
      <w:ind w:left="720"/>
      <w:contextualSpacing/>
    </w:pPr>
  </w:style>
  <w:style w:type="character" w:customStyle="1" w:styleId="Nagwek1Znak">
    <w:name w:val="Nagłówek 1 Znak"/>
    <w:basedOn w:val="Domylnaczcionkaakapitu"/>
    <w:link w:val="Nagwek1"/>
    <w:uiPriority w:val="9"/>
    <w:rsid w:val="005F1DF8"/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Nagwek2Znak">
    <w:name w:val="Nagłówek 2 Znak"/>
    <w:basedOn w:val="Domylnaczcionkaakapitu"/>
    <w:link w:val="Nagwek2"/>
    <w:uiPriority w:val="9"/>
    <w:rsid w:val="005F1DF8"/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chart" Target="charts/chart4.xml"/><Relationship Id="rId13" Type="http://schemas.openxmlformats.org/officeDocument/2006/relationships/chart" Target="charts/chart9.xml"/><Relationship Id="rId18" Type="http://schemas.openxmlformats.org/officeDocument/2006/relationships/chart" Target="charts/chart14.xm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chart" Target="charts/chart3.xml"/><Relationship Id="rId12" Type="http://schemas.openxmlformats.org/officeDocument/2006/relationships/chart" Target="charts/chart8.xml"/><Relationship Id="rId17" Type="http://schemas.openxmlformats.org/officeDocument/2006/relationships/chart" Target="charts/chart13.xml"/><Relationship Id="rId2" Type="http://schemas.openxmlformats.org/officeDocument/2006/relationships/styles" Target="styles.xml"/><Relationship Id="rId16" Type="http://schemas.openxmlformats.org/officeDocument/2006/relationships/chart" Target="charts/chart12.xml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chart" Target="charts/chart2.xml"/><Relationship Id="rId11" Type="http://schemas.openxmlformats.org/officeDocument/2006/relationships/chart" Target="charts/chart7.xml"/><Relationship Id="rId5" Type="http://schemas.openxmlformats.org/officeDocument/2006/relationships/chart" Target="charts/chart1.xml"/><Relationship Id="rId15" Type="http://schemas.openxmlformats.org/officeDocument/2006/relationships/chart" Target="charts/chart11.xml"/><Relationship Id="rId10" Type="http://schemas.openxmlformats.org/officeDocument/2006/relationships/chart" Target="charts/chart6.xml"/><Relationship Id="rId19" Type="http://schemas.openxmlformats.org/officeDocument/2006/relationships/chart" Target="charts/chart15.xml"/><Relationship Id="rId4" Type="http://schemas.openxmlformats.org/officeDocument/2006/relationships/webSettings" Target="webSettings.xml"/><Relationship Id="rId9" Type="http://schemas.openxmlformats.org/officeDocument/2006/relationships/chart" Target="charts/chart5.xml"/><Relationship Id="rId14" Type="http://schemas.openxmlformats.org/officeDocument/2006/relationships/chart" Target="charts/chart10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_rels/chart10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word/charts/_rels/chart11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word/charts/_rels/chart12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word/charts/_rels/chart13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word/charts/_rels/chart14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word/charts/_rels/chart1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tudent254566\OneDrive%20-%20Politechnika%20Wroclawska\s7\Metaheurystyki\MetaProject\MetaProject\Results\visualisation.csv" TargetMode="External"/><Relationship Id="rId2" Type="http://schemas.microsoft.com/office/2011/relationships/chartColorStyle" Target="colors15.xml"/><Relationship Id="rId1" Type="http://schemas.microsoft.com/office/2011/relationships/chartStyle" Target="style15.xml"/></Relationships>
</file>

<file path=word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word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word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word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word/charts/_rels/chart6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word/charts/_rels/chart7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word/charts/_rels/chart8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word/charts/_rels/chart9.xml.rels><?xml version="1.0" encoding="UTF-8" standalone="yes"?>
<Relationships xmlns="http://schemas.openxmlformats.org/package/2006/relationships"><Relationship Id="rId3" Type="http://schemas.openxmlformats.org/officeDocument/2006/relationships/oleObject" Target="https://politechnikawroclawska-my.sharepoint.com/personal/254566_student_pwr_edu_pl/Documents/s7/Metaheurystyki/MetaProject/MetaProject/Results/Nowy%20Arkusz%20programu%20Microsoft%20Excel.xlsx" TargetMode="External"/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easy_0_selection_tourna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easy_0_selection_tourna!$A$2:$A$101</c:f>
              <c:numCache>
                <c:formatCode>General</c:formatCode>
                <c:ptCount val="100"/>
                <c:pt idx="0">
                  <c:v>-26632.6635270201</c:v>
                </c:pt>
                <c:pt idx="1">
                  <c:v>-23107.9803317851</c:v>
                </c:pt>
                <c:pt idx="2">
                  <c:v>-23479.781454379401</c:v>
                </c:pt>
                <c:pt idx="3">
                  <c:v>-23387.7997235045</c:v>
                </c:pt>
                <c:pt idx="4">
                  <c:v>-21512.282955204999</c:v>
                </c:pt>
                <c:pt idx="5">
                  <c:v>-21814.942862785101</c:v>
                </c:pt>
                <c:pt idx="6">
                  <c:v>-21814.942862785101</c:v>
                </c:pt>
                <c:pt idx="7">
                  <c:v>-21367.146401057598</c:v>
                </c:pt>
                <c:pt idx="8">
                  <c:v>-20823.961628974899</c:v>
                </c:pt>
                <c:pt idx="9">
                  <c:v>-18900.6291798493</c:v>
                </c:pt>
                <c:pt idx="10">
                  <c:v>-19996.242435657499</c:v>
                </c:pt>
                <c:pt idx="11">
                  <c:v>-19039.963608447699</c:v>
                </c:pt>
                <c:pt idx="12">
                  <c:v>-18348.5692333201</c:v>
                </c:pt>
                <c:pt idx="13">
                  <c:v>-17535.317569251602</c:v>
                </c:pt>
                <c:pt idx="14">
                  <c:v>-16803.280183531999</c:v>
                </c:pt>
                <c:pt idx="15">
                  <c:v>-16006.8832059003</c:v>
                </c:pt>
                <c:pt idx="16">
                  <c:v>-15791.012317017699</c:v>
                </c:pt>
                <c:pt idx="17">
                  <c:v>-16035.802871567401</c:v>
                </c:pt>
                <c:pt idx="18">
                  <c:v>-15349.650706964499</c:v>
                </c:pt>
                <c:pt idx="19">
                  <c:v>-14455.8713640189</c:v>
                </c:pt>
                <c:pt idx="20">
                  <c:v>-13833.3070786269</c:v>
                </c:pt>
                <c:pt idx="21">
                  <c:v>-12976.5097934075</c:v>
                </c:pt>
                <c:pt idx="22">
                  <c:v>-13871.173220549799</c:v>
                </c:pt>
                <c:pt idx="23">
                  <c:v>-12976.5097934075</c:v>
                </c:pt>
                <c:pt idx="24">
                  <c:v>-12976.5097934075</c:v>
                </c:pt>
                <c:pt idx="25">
                  <c:v>-12976.5097934075</c:v>
                </c:pt>
                <c:pt idx="26">
                  <c:v>-11817.5895800256</c:v>
                </c:pt>
                <c:pt idx="27">
                  <c:v>-11384.530742307001</c:v>
                </c:pt>
                <c:pt idx="28">
                  <c:v>-11724.6122536971</c:v>
                </c:pt>
                <c:pt idx="29">
                  <c:v>-11817.5895800256</c:v>
                </c:pt>
                <c:pt idx="30">
                  <c:v>-11503.9846720473</c:v>
                </c:pt>
                <c:pt idx="31">
                  <c:v>-11076.1943645725</c:v>
                </c:pt>
                <c:pt idx="32">
                  <c:v>-10795.6217988464</c:v>
                </c:pt>
                <c:pt idx="33">
                  <c:v>-10551.249514532999</c:v>
                </c:pt>
                <c:pt idx="34">
                  <c:v>-10137.2435115138</c:v>
                </c:pt>
                <c:pt idx="35">
                  <c:v>-9730.9002254032293</c:v>
                </c:pt>
                <c:pt idx="36">
                  <c:v>-9429.2647422939408</c:v>
                </c:pt>
                <c:pt idx="37">
                  <c:v>-8996.8286307939707</c:v>
                </c:pt>
                <c:pt idx="38">
                  <c:v>-8996.8286307939707</c:v>
                </c:pt>
                <c:pt idx="39">
                  <c:v>-8612.5142891826399</c:v>
                </c:pt>
                <c:pt idx="40">
                  <c:v>-8647.3631565485393</c:v>
                </c:pt>
                <c:pt idx="41">
                  <c:v>-8647.3631565485393</c:v>
                </c:pt>
                <c:pt idx="42">
                  <c:v>-8843.3946313362594</c:v>
                </c:pt>
                <c:pt idx="43">
                  <c:v>-8739.9438353251808</c:v>
                </c:pt>
                <c:pt idx="44">
                  <c:v>-8708.9874224141204</c:v>
                </c:pt>
                <c:pt idx="45">
                  <c:v>-8520.3728400582895</c:v>
                </c:pt>
                <c:pt idx="46">
                  <c:v>-8322.0336109677901</c:v>
                </c:pt>
                <c:pt idx="47">
                  <c:v>-7973.3382827289997</c:v>
                </c:pt>
                <c:pt idx="48">
                  <c:v>-7669.6183610366297</c:v>
                </c:pt>
                <c:pt idx="49">
                  <c:v>-7669.6183610366297</c:v>
                </c:pt>
                <c:pt idx="50">
                  <c:v>-7669.6183610366297</c:v>
                </c:pt>
                <c:pt idx="51">
                  <c:v>-7776.7036562959502</c:v>
                </c:pt>
                <c:pt idx="52">
                  <c:v>-7288.9490214032803</c:v>
                </c:pt>
                <c:pt idx="53">
                  <c:v>-7010.4204337354504</c:v>
                </c:pt>
                <c:pt idx="54">
                  <c:v>-7100.8372089067598</c:v>
                </c:pt>
                <c:pt idx="55">
                  <c:v>-6749.8994804794002</c:v>
                </c:pt>
                <c:pt idx="56">
                  <c:v>-6662.7742881253098</c:v>
                </c:pt>
                <c:pt idx="57">
                  <c:v>-6553.8934011123201</c:v>
                </c:pt>
                <c:pt idx="58">
                  <c:v>-6124.0973378261097</c:v>
                </c:pt>
                <c:pt idx="59">
                  <c:v>-6124.0973378261097</c:v>
                </c:pt>
                <c:pt idx="60">
                  <c:v>-6123.0952620951102</c:v>
                </c:pt>
                <c:pt idx="61">
                  <c:v>-6085.45490379496</c:v>
                </c:pt>
                <c:pt idx="62">
                  <c:v>-5972.8879731445904</c:v>
                </c:pt>
                <c:pt idx="63">
                  <c:v>-5862.3437546348696</c:v>
                </c:pt>
                <c:pt idx="64">
                  <c:v>-5808.1686471740104</c:v>
                </c:pt>
                <c:pt idx="65">
                  <c:v>-5739.5190170957303</c:v>
                </c:pt>
                <c:pt idx="66">
                  <c:v>-5674.5155220316301</c:v>
                </c:pt>
                <c:pt idx="67">
                  <c:v>-5678.6989434649804</c:v>
                </c:pt>
                <c:pt idx="68">
                  <c:v>-5490.56704751502</c:v>
                </c:pt>
                <c:pt idx="69">
                  <c:v>-5398.2508029129003</c:v>
                </c:pt>
                <c:pt idx="70">
                  <c:v>-5349.0988213331302</c:v>
                </c:pt>
                <c:pt idx="71">
                  <c:v>-5330.4597080392396</c:v>
                </c:pt>
                <c:pt idx="72">
                  <c:v>-5330.4597080392396</c:v>
                </c:pt>
                <c:pt idx="73">
                  <c:v>-5255.6151361667698</c:v>
                </c:pt>
                <c:pt idx="74">
                  <c:v>-5202.8654210416898</c:v>
                </c:pt>
                <c:pt idx="75">
                  <c:v>-5202.8654210416898</c:v>
                </c:pt>
                <c:pt idx="76">
                  <c:v>-5147.7695263771802</c:v>
                </c:pt>
                <c:pt idx="77">
                  <c:v>-5147.7695263771802</c:v>
                </c:pt>
                <c:pt idx="78">
                  <c:v>-5142.7325048917501</c:v>
                </c:pt>
                <c:pt idx="79">
                  <c:v>-5121.9203840821501</c:v>
                </c:pt>
                <c:pt idx="80">
                  <c:v>-4917.0831266396799</c:v>
                </c:pt>
                <c:pt idx="81">
                  <c:v>-4915.6537169531102</c:v>
                </c:pt>
                <c:pt idx="82">
                  <c:v>-4915.6537169531102</c:v>
                </c:pt>
                <c:pt idx="83">
                  <c:v>-4915.6537169531102</c:v>
                </c:pt>
                <c:pt idx="84">
                  <c:v>-4915.6537169531102</c:v>
                </c:pt>
                <c:pt idx="85">
                  <c:v>-4915.6537169531102</c:v>
                </c:pt>
                <c:pt idx="86">
                  <c:v>-4915.6537169531102</c:v>
                </c:pt>
                <c:pt idx="87">
                  <c:v>-4894.5930310834901</c:v>
                </c:pt>
                <c:pt idx="88">
                  <c:v>-4894.5930310834901</c:v>
                </c:pt>
                <c:pt idx="89">
                  <c:v>-4915.6537169531102</c:v>
                </c:pt>
                <c:pt idx="90">
                  <c:v>-4856.0263048480901</c:v>
                </c:pt>
                <c:pt idx="91">
                  <c:v>-4825.1062559688098</c:v>
                </c:pt>
                <c:pt idx="92">
                  <c:v>-4825.1062559688098</c:v>
                </c:pt>
                <c:pt idx="93">
                  <c:v>-4825.1062559688098</c:v>
                </c:pt>
                <c:pt idx="94">
                  <c:v>-4657.79754455683</c:v>
                </c:pt>
                <c:pt idx="95">
                  <c:v>-4657.79754455683</c:v>
                </c:pt>
                <c:pt idx="96">
                  <c:v>-4589.1217463855401</c:v>
                </c:pt>
                <c:pt idx="97">
                  <c:v>-4546.0378683975196</c:v>
                </c:pt>
                <c:pt idx="98">
                  <c:v>-4477.3620702262297</c:v>
                </c:pt>
                <c:pt idx="99">
                  <c:v>-4477.36207022622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637D-4CAB-AA6E-C8FA4CC50E06}"/>
            </c:ext>
          </c:extLst>
        </c:ser>
        <c:ser>
          <c:idx val="1"/>
          <c:order val="1"/>
          <c:tx>
            <c:strRef>
              <c:f>genetic_easy_0_selection_tourna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easy_0_selection_tourna!$B$2:$B$101</c:f>
              <c:numCache>
                <c:formatCode>General</c:formatCode>
                <c:ptCount val="100"/>
                <c:pt idx="0">
                  <c:v>-90066.019211391205</c:v>
                </c:pt>
                <c:pt idx="1">
                  <c:v>-80441.025521003205</c:v>
                </c:pt>
                <c:pt idx="2">
                  <c:v>-83025.485735329697</c:v>
                </c:pt>
                <c:pt idx="3">
                  <c:v>-82205.569255264098</c:v>
                </c:pt>
                <c:pt idx="4">
                  <c:v>-78432.197935029006</c:v>
                </c:pt>
                <c:pt idx="5">
                  <c:v>-71664.4617702752</c:v>
                </c:pt>
                <c:pt idx="6">
                  <c:v>-80921.428748033504</c:v>
                </c:pt>
                <c:pt idx="7">
                  <c:v>-71042.194433924597</c:v>
                </c:pt>
                <c:pt idx="8">
                  <c:v>-72469.7740870126</c:v>
                </c:pt>
                <c:pt idx="9">
                  <c:v>-68970.411976328396</c:v>
                </c:pt>
                <c:pt idx="10">
                  <c:v>-74849.2041154771</c:v>
                </c:pt>
                <c:pt idx="11">
                  <c:v>-68797.442332660794</c:v>
                </c:pt>
                <c:pt idx="12">
                  <c:v>-72269.874548082298</c:v>
                </c:pt>
                <c:pt idx="13">
                  <c:v>-72752.401308651199</c:v>
                </c:pt>
                <c:pt idx="14">
                  <c:v>-61984.992237346501</c:v>
                </c:pt>
                <c:pt idx="15">
                  <c:v>-60503.002194999302</c:v>
                </c:pt>
                <c:pt idx="16">
                  <c:v>-63749.121648430999</c:v>
                </c:pt>
                <c:pt idx="17">
                  <c:v>-66845.548500375895</c:v>
                </c:pt>
                <c:pt idx="18">
                  <c:v>-50860.669765310398</c:v>
                </c:pt>
                <c:pt idx="19">
                  <c:v>-51859.7647878524</c:v>
                </c:pt>
                <c:pt idx="20">
                  <c:v>-55158.630076099304</c:v>
                </c:pt>
                <c:pt idx="21">
                  <c:v>-50006.136675068497</c:v>
                </c:pt>
                <c:pt idx="22">
                  <c:v>-57369.127381615297</c:v>
                </c:pt>
                <c:pt idx="23">
                  <c:v>-54884.347955289901</c:v>
                </c:pt>
                <c:pt idx="24">
                  <c:v>-52022.097601078603</c:v>
                </c:pt>
                <c:pt idx="25">
                  <c:v>-48665.2414929156</c:v>
                </c:pt>
                <c:pt idx="26">
                  <c:v>-47540.488757895197</c:v>
                </c:pt>
                <c:pt idx="27">
                  <c:v>-49830.284633073301</c:v>
                </c:pt>
                <c:pt idx="28">
                  <c:v>-44680.711131284697</c:v>
                </c:pt>
                <c:pt idx="29">
                  <c:v>-52091.193470315797</c:v>
                </c:pt>
                <c:pt idx="30">
                  <c:v>-47638.4529702039</c:v>
                </c:pt>
                <c:pt idx="31">
                  <c:v>-50910.4345661689</c:v>
                </c:pt>
                <c:pt idx="32">
                  <c:v>-44303.665971094299</c:v>
                </c:pt>
                <c:pt idx="33">
                  <c:v>-44703.702187486102</c:v>
                </c:pt>
                <c:pt idx="34">
                  <c:v>-43469.690570507402</c:v>
                </c:pt>
                <c:pt idx="35">
                  <c:v>-43158.602119358402</c:v>
                </c:pt>
                <c:pt idx="36">
                  <c:v>-39333.523184251499</c:v>
                </c:pt>
                <c:pt idx="37">
                  <c:v>-37179.678388713401</c:v>
                </c:pt>
                <c:pt idx="38">
                  <c:v>-35934.473081810902</c:v>
                </c:pt>
                <c:pt idx="39">
                  <c:v>-34689.391542022298</c:v>
                </c:pt>
                <c:pt idx="40">
                  <c:v>-51205.537387443903</c:v>
                </c:pt>
                <c:pt idx="41">
                  <c:v>-40515.685741119698</c:v>
                </c:pt>
                <c:pt idx="42">
                  <c:v>-34934.301834168997</c:v>
                </c:pt>
                <c:pt idx="43">
                  <c:v>-43583.760184383602</c:v>
                </c:pt>
                <c:pt idx="44">
                  <c:v>-38218.861704415802</c:v>
                </c:pt>
                <c:pt idx="45">
                  <c:v>-33133.889546667502</c:v>
                </c:pt>
                <c:pt idx="46">
                  <c:v>-41911.837456606903</c:v>
                </c:pt>
                <c:pt idx="47">
                  <c:v>-32855.3376294134</c:v>
                </c:pt>
                <c:pt idx="48">
                  <c:v>-46041.4966959257</c:v>
                </c:pt>
                <c:pt idx="49">
                  <c:v>-32963.625359119003</c:v>
                </c:pt>
                <c:pt idx="50">
                  <c:v>-37147.694208863701</c:v>
                </c:pt>
                <c:pt idx="51">
                  <c:v>-35269.143767060901</c:v>
                </c:pt>
                <c:pt idx="52">
                  <c:v>-38068.764351085803</c:v>
                </c:pt>
                <c:pt idx="53">
                  <c:v>-32790.757761300199</c:v>
                </c:pt>
                <c:pt idx="54">
                  <c:v>-28941.4233610765</c:v>
                </c:pt>
                <c:pt idx="55">
                  <c:v>-35029.332047943302</c:v>
                </c:pt>
                <c:pt idx="56">
                  <c:v>-33546.328301837697</c:v>
                </c:pt>
                <c:pt idx="57">
                  <c:v>-36553.449678502198</c:v>
                </c:pt>
                <c:pt idx="58">
                  <c:v>-29759.941049498098</c:v>
                </c:pt>
                <c:pt idx="59">
                  <c:v>-28332.3028010913</c:v>
                </c:pt>
                <c:pt idx="60">
                  <c:v>-33219.624874348301</c:v>
                </c:pt>
                <c:pt idx="61">
                  <c:v>-31146.965167233298</c:v>
                </c:pt>
                <c:pt idx="62">
                  <c:v>-24638.604649793899</c:v>
                </c:pt>
                <c:pt idx="63">
                  <c:v>-34403.435268784699</c:v>
                </c:pt>
                <c:pt idx="64">
                  <c:v>-30138.670331776499</c:v>
                </c:pt>
                <c:pt idx="65">
                  <c:v>-28454.443294715202</c:v>
                </c:pt>
                <c:pt idx="66">
                  <c:v>-30568.110494431501</c:v>
                </c:pt>
                <c:pt idx="67">
                  <c:v>-29656.1062353364</c:v>
                </c:pt>
                <c:pt idx="68">
                  <c:v>-30712.196436257898</c:v>
                </c:pt>
                <c:pt idx="69">
                  <c:v>-22683.6016017974</c:v>
                </c:pt>
                <c:pt idx="70">
                  <c:v>-29725.446533363898</c:v>
                </c:pt>
                <c:pt idx="71">
                  <c:v>-32797.003918654802</c:v>
                </c:pt>
                <c:pt idx="72">
                  <c:v>-32431.924358075801</c:v>
                </c:pt>
                <c:pt idx="73">
                  <c:v>-27648.817719155199</c:v>
                </c:pt>
                <c:pt idx="74">
                  <c:v>-26828.594925306399</c:v>
                </c:pt>
                <c:pt idx="75">
                  <c:v>-25104.494938542801</c:v>
                </c:pt>
                <c:pt idx="76">
                  <c:v>-26288.767218360601</c:v>
                </c:pt>
                <c:pt idx="77">
                  <c:v>-26304.503290293898</c:v>
                </c:pt>
                <c:pt idx="78">
                  <c:v>-28205.073227609799</c:v>
                </c:pt>
                <c:pt idx="79">
                  <c:v>-27333.419507664999</c:v>
                </c:pt>
                <c:pt idx="80">
                  <c:v>-28041.017845718899</c:v>
                </c:pt>
                <c:pt idx="81">
                  <c:v>-28912.347125239201</c:v>
                </c:pt>
                <c:pt idx="82">
                  <c:v>-28326.238311128702</c:v>
                </c:pt>
                <c:pt idx="83">
                  <c:v>-27031.933765043199</c:v>
                </c:pt>
                <c:pt idx="84">
                  <c:v>-25850.729854453599</c:v>
                </c:pt>
                <c:pt idx="85">
                  <c:v>-27925.734721738099</c:v>
                </c:pt>
                <c:pt idx="86">
                  <c:v>-25889.139874651599</c:v>
                </c:pt>
                <c:pt idx="87">
                  <c:v>-24943.2114914216</c:v>
                </c:pt>
                <c:pt idx="88">
                  <c:v>-26921.521678487599</c:v>
                </c:pt>
                <c:pt idx="89">
                  <c:v>-25387.3044891391</c:v>
                </c:pt>
                <c:pt idx="90">
                  <c:v>-24189.851593281899</c:v>
                </c:pt>
                <c:pt idx="91">
                  <c:v>-27868.4385233186</c:v>
                </c:pt>
                <c:pt idx="92">
                  <c:v>-29802.454481144301</c:v>
                </c:pt>
                <c:pt idx="93">
                  <c:v>-24005.973594356099</c:v>
                </c:pt>
                <c:pt idx="94">
                  <c:v>-28602.7615255003</c:v>
                </c:pt>
                <c:pt idx="95">
                  <c:v>-25152.528049790199</c:v>
                </c:pt>
                <c:pt idx="96">
                  <c:v>-26428.290741456101</c:v>
                </c:pt>
                <c:pt idx="97">
                  <c:v>-24728.649378791</c:v>
                </c:pt>
                <c:pt idx="98">
                  <c:v>-25717.515440400999</c:v>
                </c:pt>
                <c:pt idx="99">
                  <c:v>-23008.6519867267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37D-4CAB-AA6E-C8FA4CC50E06}"/>
            </c:ext>
          </c:extLst>
        </c:ser>
        <c:ser>
          <c:idx val="2"/>
          <c:order val="2"/>
          <c:tx>
            <c:strRef>
              <c:f>genetic_easy_0_selection_tourna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easy_0_selection_tourna!$C$2:$C$101</c:f>
              <c:numCache>
                <c:formatCode>General</c:formatCode>
                <c:ptCount val="100"/>
                <c:pt idx="0">
                  <c:v>-30475.448011654898</c:v>
                </c:pt>
                <c:pt idx="1">
                  <c:v>-24197.9484292243</c:v>
                </c:pt>
                <c:pt idx="2">
                  <c:v>-24435.452590591802</c:v>
                </c:pt>
                <c:pt idx="3">
                  <c:v>-23859.1123029429</c:v>
                </c:pt>
                <c:pt idx="4">
                  <c:v>-23606.734883519399</c:v>
                </c:pt>
                <c:pt idx="5">
                  <c:v>-23405.689782914498</c:v>
                </c:pt>
                <c:pt idx="6">
                  <c:v>-23228.856032830099</c:v>
                </c:pt>
                <c:pt idx="7">
                  <c:v>-22770.629759390798</c:v>
                </c:pt>
                <c:pt idx="8">
                  <c:v>-22304.100709228602</c:v>
                </c:pt>
                <c:pt idx="9">
                  <c:v>-21622.955189352</c:v>
                </c:pt>
                <c:pt idx="10">
                  <c:v>-21178.328897199801</c:v>
                </c:pt>
                <c:pt idx="11">
                  <c:v>-20653.3834799373</c:v>
                </c:pt>
                <c:pt idx="12">
                  <c:v>-20104.460881428298</c:v>
                </c:pt>
                <c:pt idx="13">
                  <c:v>-19481.3197791565</c:v>
                </c:pt>
                <c:pt idx="14">
                  <c:v>-18937.930195593999</c:v>
                </c:pt>
                <c:pt idx="15">
                  <c:v>-18410.444456883899</c:v>
                </c:pt>
                <c:pt idx="16">
                  <c:v>-18090.488800083898</c:v>
                </c:pt>
                <c:pt idx="17">
                  <c:v>-17996.430493156298</c:v>
                </c:pt>
                <c:pt idx="18">
                  <c:v>-17353.301576138801</c:v>
                </c:pt>
                <c:pt idx="19">
                  <c:v>-16706.850894076899</c:v>
                </c:pt>
                <c:pt idx="20">
                  <c:v>-16380.3838760414</c:v>
                </c:pt>
                <c:pt idx="21">
                  <c:v>-15859.341410966001</c:v>
                </c:pt>
                <c:pt idx="22">
                  <c:v>-15620.521080897001</c:v>
                </c:pt>
                <c:pt idx="23">
                  <c:v>-15166.7498781009</c:v>
                </c:pt>
                <c:pt idx="24">
                  <c:v>-14725.2355178995</c:v>
                </c:pt>
                <c:pt idx="25">
                  <c:v>-14492.4043783464</c:v>
                </c:pt>
                <c:pt idx="26">
                  <c:v>-14050.042482683801</c:v>
                </c:pt>
                <c:pt idx="27">
                  <c:v>-13537.669385594199</c:v>
                </c:pt>
                <c:pt idx="28">
                  <c:v>-13260.5957313456</c:v>
                </c:pt>
                <c:pt idx="29">
                  <c:v>-13049.6141356111</c:v>
                </c:pt>
                <c:pt idx="30">
                  <c:v>-12815.152685917799</c:v>
                </c:pt>
                <c:pt idx="31">
                  <c:v>-12639.2870512547</c:v>
                </c:pt>
                <c:pt idx="32">
                  <c:v>-12142.399776525501</c:v>
                </c:pt>
                <c:pt idx="33">
                  <c:v>-12010.1303890176</c:v>
                </c:pt>
                <c:pt idx="34">
                  <c:v>-11865.451520283001</c:v>
                </c:pt>
                <c:pt idx="35">
                  <c:v>-11333.641980750101</c:v>
                </c:pt>
                <c:pt idx="36">
                  <c:v>-11199.1324056746</c:v>
                </c:pt>
                <c:pt idx="37">
                  <c:v>-10822.2936002598</c:v>
                </c:pt>
                <c:pt idx="38">
                  <c:v>-10815.0898734397</c:v>
                </c:pt>
                <c:pt idx="39">
                  <c:v>-10540.1155432378</c:v>
                </c:pt>
                <c:pt idx="40">
                  <c:v>-10467.7012145138</c:v>
                </c:pt>
                <c:pt idx="41">
                  <c:v>-10185.527283853</c:v>
                </c:pt>
                <c:pt idx="42">
                  <c:v>-10167.502107349899</c:v>
                </c:pt>
                <c:pt idx="43">
                  <c:v>-9903.64082406544</c:v>
                </c:pt>
                <c:pt idx="44">
                  <c:v>-9722.6649230008607</c:v>
                </c:pt>
                <c:pt idx="45">
                  <c:v>-9482.7283199017402</c:v>
                </c:pt>
                <c:pt idx="46">
                  <c:v>-9361.6292037555104</c:v>
                </c:pt>
                <c:pt idx="47">
                  <c:v>-9116.6290308847201</c:v>
                </c:pt>
                <c:pt idx="48">
                  <c:v>-8967.5302325414104</c:v>
                </c:pt>
                <c:pt idx="49">
                  <c:v>-8859.9138434801407</c:v>
                </c:pt>
                <c:pt idx="50">
                  <c:v>-8785.49624154921</c:v>
                </c:pt>
                <c:pt idx="51">
                  <c:v>-8674.7353402296503</c:v>
                </c:pt>
                <c:pt idx="52">
                  <c:v>-8531.4401347930798</c:v>
                </c:pt>
                <c:pt idx="53">
                  <c:v>-8348.1659665144598</c:v>
                </c:pt>
                <c:pt idx="54">
                  <c:v>-8184.95087247425</c:v>
                </c:pt>
                <c:pt idx="55">
                  <c:v>-8048.8489590511699</c:v>
                </c:pt>
                <c:pt idx="56">
                  <c:v>-7920.33724035256</c:v>
                </c:pt>
                <c:pt idx="57">
                  <c:v>-7832.7479825333303</c:v>
                </c:pt>
                <c:pt idx="58">
                  <c:v>-7687.3248654294603</c:v>
                </c:pt>
                <c:pt idx="59">
                  <c:v>-7624.5728566048101</c:v>
                </c:pt>
                <c:pt idx="60">
                  <c:v>-7504.9690709567303</c:v>
                </c:pt>
                <c:pt idx="61">
                  <c:v>-7418.0866916860105</c:v>
                </c:pt>
                <c:pt idx="62">
                  <c:v>-7363.0881250495604</c:v>
                </c:pt>
                <c:pt idx="63">
                  <c:v>-7280.5028987494998</c:v>
                </c:pt>
                <c:pt idx="64">
                  <c:v>-7232.1551622204697</c:v>
                </c:pt>
                <c:pt idx="65">
                  <c:v>-7145.4703745230299</c:v>
                </c:pt>
                <c:pt idx="66">
                  <c:v>-7039.2970949378996</c:v>
                </c:pt>
                <c:pt idx="67">
                  <c:v>-7004.7514134351604</c:v>
                </c:pt>
                <c:pt idx="68">
                  <c:v>-6877.87677144594</c:v>
                </c:pt>
                <c:pt idx="69">
                  <c:v>-6850.7394705272</c:v>
                </c:pt>
                <c:pt idx="70">
                  <c:v>-6730.2656232686104</c:v>
                </c:pt>
                <c:pt idx="71">
                  <c:v>-6663.8167519293202</c:v>
                </c:pt>
                <c:pt idx="72">
                  <c:v>-6625.0631021261997</c:v>
                </c:pt>
                <c:pt idx="73">
                  <c:v>-6599.3845126925598</c:v>
                </c:pt>
                <c:pt idx="74">
                  <c:v>-6489.9432461189799</c:v>
                </c:pt>
                <c:pt idx="75">
                  <c:v>-6440.2521754659601</c:v>
                </c:pt>
                <c:pt idx="76">
                  <c:v>-6354.6871190566799</c:v>
                </c:pt>
                <c:pt idx="77">
                  <c:v>-6299.3631801564597</c:v>
                </c:pt>
                <c:pt idx="78">
                  <c:v>-6245.6297595817095</c:v>
                </c:pt>
                <c:pt idx="79">
                  <c:v>-6196.7974372053204</c:v>
                </c:pt>
                <c:pt idx="80">
                  <c:v>-6131.6957455820802</c:v>
                </c:pt>
                <c:pt idx="81">
                  <c:v>-6084.6062487476602</c:v>
                </c:pt>
                <c:pt idx="82">
                  <c:v>-6060.0939845849698</c:v>
                </c:pt>
                <c:pt idx="83">
                  <c:v>-6018.1825143984497</c:v>
                </c:pt>
                <c:pt idx="84">
                  <c:v>-6005.5203077138303</c:v>
                </c:pt>
                <c:pt idx="85">
                  <c:v>-5975.0835282620901</c:v>
                </c:pt>
                <c:pt idx="86">
                  <c:v>-5937.4820167119997</c:v>
                </c:pt>
                <c:pt idx="87">
                  <c:v>-5886.3229015352499</c:v>
                </c:pt>
                <c:pt idx="88">
                  <c:v>-5821.5379328854997</c:v>
                </c:pt>
                <c:pt idx="89">
                  <c:v>-5792.4038927720003</c:v>
                </c:pt>
                <c:pt idx="90">
                  <c:v>-5784.5363040605198</c:v>
                </c:pt>
                <c:pt idx="91">
                  <c:v>-5770.1006323039201</c:v>
                </c:pt>
                <c:pt idx="92">
                  <c:v>-5711.5906857453201</c:v>
                </c:pt>
                <c:pt idx="93">
                  <c:v>-5683.6845318187598</c:v>
                </c:pt>
                <c:pt idx="94">
                  <c:v>-5638.7617814508503</c:v>
                </c:pt>
                <c:pt idx="95">
                  <c:v>-5599.5816423234301</c:v>
                </c:pt>
                <c:pt idx="96">
                  <c:v>-5553.67946857885</c:v>
                </c:pt>
                <c:pt idx="97">
                  <c:v>-5539.8936622132296</c:v>
                </c:pt>
                <c:pt idx="98">
                  <c:v>-5513.3262571681998</c:v>
                </c:pt>
                <c:pt idx="99">
                  <c:v>-5493.63799115541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637D-4CAB-AA6E-C8FA4CC50E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9213632"/>
        <c:axId val="59221952"/>
      </c:lineChart>
      <c:catAx>
        <c:axId val="59213632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59221952"/>
        <c:crosses val="autoZero"/>
        <c:auto val="1"/>
        <c:lblAlgn val="ctr"/>
        <c:lblOffset val="100"/>
        <c:noMultiLvlLbl val="0"/>
      </c:catAx>
      <c:valAx>
        <c:axId val="592219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5921363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genetic_easy_0_crossover_pm (2)'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'genetic_easy_0_crossover_pm (2)'!$A$2:$A$101</c:f>
              <c:numCache>
                <c:formatCode>General</c:formatCode>
                <c:ptCount val="100"/>
                <c:pt idx="0">
                  <c:v>-28981.933666740901</c:v>
                </c:pt>
                <c:pt idx="1">
                  <c:v>-23588.906062733498</c:v>
                </c:pt>
                <c:pt idx="2">
                  <c:v>-23126.276838171601</c:v>
                </c:pt>
                <c:pt idx="3">
                  <c:v>-23403.700993613402</c:v>
                </c:pt>
                <c:pt idx="4">
                  <c:v>-23212.824044634999</c:v>
                </c:pt>
                <c:pt idx="5">
                  <c:v>-21022.0092281978</c:v>
                </c:pt>
                <c:pt idx="6">
                  <c:v>-22595.200605191301</c:v>
                </c:pt>
                <c:pt idx="7">
                  <c:v>-22253.655209127101</c:v>
                </c:pt>
                <c:pt idx="8">
                  <c:v>-22088.1001204528</c:v>
                </c:pt>
                <c:pt idx="9">
                  <c:v>-21514.5902090813</c:v>
                </c:pt>
                <c:pt idx="10">
                  <c:v>-21125.574915903599</c:v>
                </c:pt>
                <c:pt idx="11">
                  <c:v>-20867.621755485699</c:v>
                </c:pt>
                <c:pt idx="12">
                  <c:v>-21170.341335468202</c:v>
                </c:pt>
                <c:pt idx="13">
                  <c:v>-21143.877352725998</c:v>
                </c:pt>
                <c:pt idx="14">
                  <c:v>-19451.697042408599</c:v>
                </c:pt>
                <c:pt idx="15">
                  <c:v>-20731.7479533199</c:v>
                </c:pt>
                <c:pt idx="16">
                  <c:v>-20370.289890676999</c:v>
                </c:pt>
                <c:pt idx="17">
                  <c:v>-20044.238411759899</c:v>
                </c:pt>
                <c:pt idx="18">
                  <c:v>-19622.581416595702</c:v>
                </c:pt>
                <c:pt idx="19">
                  <c:v>-19275.693747364799</c:v>
                </c:pt>
                <c:pt idx="20">
                  <c:v>-18947.4897279986</c:v>
                </c:pt>
                <c:pt idx="21">
                  <c:v>-18294.7217490197</c:v>
                </c:pt>
                <c:pt idx="22">
                  <c:v>-17862.876636353401</c:v>
                </c:pt>
                <c:pt idx="23">
                  <c:v>-17110.854389013901</c:v>
                </c:pt>
                <c:pt idx="24">
                  <c:v>-16382.811202729299</c:v>
                </c:pt>
                <c:pt idx="25">
                  <c:v>-15777.8810640666</c:v>
                </c:pt>
                <c:pt idx="26">
                  <c:v>-15235.7326584028</c:v>
                </c:pt>
                <c:pt idx="27">
                  <c:v>-15235.7326584028</c:v>
                </c:pt>
                <c:pt idx="28">
                  <c:v>-15114.341695109</c:v>
                </c:pt>
                <c:pt idx="29">
                  <c:v>-15148.021203770801</c:v>
                </c:pt>
                <c:pt idx="30">
                  <c:v>-14596.6337107011</c:v>
                </c:pt>
                <c:pt idx="31">
                  <c:v>-13480.1131071499</c:v>
                </c:pt>
                <c:pt idx="32">
                  <c:v>-13405.4741911161</c:v>
                </c:pt>
                <c:pt idx="33">
                  <c:v>-12852.4437315373</c:v>
                </c:pt>
                <c:pt idx="34">
                  <c:v>-12448.489072001599</c:v>
                </c:pt>
                <c:pt idx="35">
                  <c:v>-12407.039433772299</c:v>
                </c:pt>
                <c:pt idx="36">
                  <c:v>-12038.756882502799</c:v>
                </c:pt>
                <c:pt idx="37">
                  <c:v>-11681.940674989501</c:v>
                </c:pt>
                <c:pt idx="38">
                  <c:v>-11806.219525665099</c:v>
                </c:pt>
                <c:pt idx="39">
                  <c:v>-11643.2155765152</c:v>
                </c:pt>
                <c:pt idx="40">
                  <c:v>-11246.7022592916</c:v>
                </c:pt>
                <c:pt idx="41">
                  <c:v>-11246.7022592916</c:v>
                </c:pt>
                <c:pt idx="42">
                  <c:v>-10824.358647916701</c:v>
                </c:pt>
                <c:pt idx="43">
                  <c:v>-10864.3008293639</c:v>
                </c:pt>
                <c:pt idx="44">
                  <c:v>-10705.9248996237</c:v>
                </c:pt>
                <c:pt idx="45">
                  <c:v>-10317.645024138699</c:v>
                </c:pt>
                <c:pt idx="46">
                  <c:v>-10615.1261515965</c:v>
                </c:pt>
                <c:pt idx="47">
                  <c:v>-10302.1389959434</c:v>
                </c:pt>
                <c:pt idx="48">
                  <c:v>-10302.1389959434</c:v>
                </c:pt>
                <c:pt idx="49">
                  <c:v>-10049.7824640624</c:v>
                </c:pt>
                <c:pt idx="50">
                  <c:v>-9874.4609275449493</c:v>
                </c:pt>
                <c:pt idx="51">
                  <c:v>-9691.98667319782</c:v>
                </c:pt>
                <c:pt idx="52">
                  <c:v>-9588.3911427547901</c:v>
                </c:pt>
                <c:pt idx="53">
                  <c:v>-9493.2083904310093</c:v>
                </c:pt>
                <c:pt idx="54">
                  <c:v>-9232.3208285189994</c:v>
                </c:pt>
                <c:pt idx="55">
                  <c:v>-9113.4112590029999</c:v>
                </c:pt>
                <c:pt idx="56">
                  <c:v>-8940.4236609254604</c:v>
                </c:pt>
                <c:pt idx="57">
                  <c:v>-8981.0689143928503</c:v>
                </c:pt>
                <c:pt idx="58">
                  <c:v>-8914.2632949807103</c:v>
                </c:pt>
                <c:pt idx="59">
                  <c:v>-8856.1471855601194</c:v>
                </c:pt>
                <c:pt idx="60">
                  <c:v>-8766.3920065114107</c:v>
                </c:pt>
                <c:pt idx="61">
                  <c:v>-8629.1072721358596</c:v>
                </c:pt>
                <c:pt idx="62">
                  <c:v>-8607.2197435441703</c:v>
                </c:pt>
                <c:pt idx="63">
                  <c:v>-8607.2197435441703</c:v>
                </c:pt>
                <c:pt idx="64">
                  <c:v>-8547.0144258460405</c:v>
                </c:pt>
                <c:pt idx="65">
                  <c:v>-8547.0144258460405</c:v>
                </c:pt>
                <c:pt idx="66">
                  <c:v>-8475.6474750934995</c:v>
                </c:pt>
                <c:pt idx="67">
                  <c:v>-8397.1029893177292</c:v>
                </c:pt>
                <c:pt idx="68">
                  <c:v>-8141.7387613049204</c:v>
                </c:pt>
                <c:pt idx="69">
                  <c:v>-8141.7387613049204</c:v>
                </c:pt>
                <c:pt idx="70">
                  <c:v>-7876.8503491252504</c:v>
                </c:pt>
                <c:pt idx="71">
                  <c:v>-7889.4205778344303</c:v>
                </c:pt>
                <c:pt idx="72">
                  <c:v>-7871.8370302499197</c:v>
                </c:pt>
                <c:pt idx="73">
                  <c:v>-7798.9131204018004</c:v>
                </c:pt>
                <c:pt idx="74">
                  <c:v>-7798.9131204018004</c:v>
                </c:pt>
                <c:pt idx="75">
                  <c:v>-7755.5151957543303</c:v>
                </c:pt>
                <c:pt idx="76">
                  <c:v>-7705.4238111693803</c:v>
                </c:pt>
                <c:pt idx="77">
                  <c:v>-7570.9915080396604</c:v>
                </c:pt>
                <c:pt idx="78">
                  <c:v>-7480.7561263381303</c:v>
                </c:pt>
                <c:pt idx="79">
                  <c:v>-7239.0635993338301</c:v>
                </c:pt>
                <c:pt idx="80">
                  <c:v>-7239.0635993338301</c:v>
                </c:pt>
                <c:pt idx="81">
                  <c:v>-7205.7136234192803</c:v>
                </c:pt>
                <c:pt idx="82">
                  <c:v>-7083.7062863528199</c:v>
                </c:pt>
                <c:pt idx="83">
                  <c:v>-6934.1501015969698</c:v>
                </c:pt>
                <c:pt idx="84">
                  <c:v>-6860.5427451880796</c:v>
                </c:pt>
                <c:pt idx="85">
                  <c:v>-6860.5427451880796</c:v>
                </c:pt>
                <c:pt idx="86">
                  <c:v>-6775.7989413891501</c:v>
                </c:pt>
                <c:pt idx="87">
                  <c:v>-6650.5787375870004</c:v>
                </c:pt>
                <c:pt idx="88">
                  <c:v>-6629.4732229258198</c:v>
                </c:pt>
                <c:pt idx="89">
                  <c:v>-6589.1017996033097</c:v>
                </c:pt>
                <c:pt idx="90">
                  <c:v>-6589.1017996033097</c:v>
                </c:pt>
                <c:pt idx="91">
                  <c:v>-6444.1348579117202</c:v>
                </c:pt>
                <c:pt idx="92">
                  <c:v>-6312.2511129883696</c:v>
                </c:pt>
                <c:pt idx="93">
                  <c:v>-6312.2511129883696</c:v>
                </c:pt>
                <c:pt idx="94">
                  <c:v>-6306.4503752471601</c:v>
                </c:pt>
                <c:pt idx="95">
                  <c:v>-6125.0920048256803</c:v>
                </c:pt>
                <c:pt idx="96">
                  <c:v>-6125.0920048256803</c:v>
                </c:pt>
                <c:pt idx="97">
                  <c:v>-6103.6070683727703</c:v>
                </c:pt>
                <c:pt idx="98">
                  <c:v>-6103.6070683727703</c:v>
                </c:pt>
                <c:pt idx="99">
                  <c:v>-5932.13276839121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2E5-4148-9115-CFC232956B29}"/>
            </c:ext>
          </c:extLst>
        </c:ser>
        <c:ser>
          <c:idx val="1"/>
          <c:order val="1"/>
          <c:tx>
            <c:strRef>
              <c:f>'genetic_easy_0_crossover_pm (2)'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'genetic_easy_0_crossover_pm (2)'!$B$2:$B$101</c:f>
              <c:numCache>
                <c:formatCode>General</c:formatCode>
                <c:ptCount val="100"/>
                <c:pt idx="0">
                  <c:v>-85461.534950125293</c:v>
                </c:pt>
                <c:pt idx="1">
                  <c:v>-79670.558159220804</c:v>
                </c:pt>
                <c:pt idx="2">
                  <c:v>-86374.694329209495</c:v>
                </c:pt>
                <c:pt idx="3">
                  <c:v>-80077.277632165293</c:v>
                </c:pt>
                <c:pt idx="4">
                  <c:v>-82630.493215943396</c:v>
                </c:pt>
                <c:pt idx="5">
                  <c:v>-79391.317387793504</c:v>
                </c:pt>
                <c:pt idx="6">
                  <c:v>-79723.276269915194</c:v>
                </c:pt>
                <c:pt idx="7">
                  <c:v>-76066.365620514203</c:v>
                </c:pt>
                <c:pt idx="8">
                  <c:v>-81063.847857999601</c:v>
                </c:pt>
                <c:pt idx="9">
                  <c:v>-81247.448992172795</c:v>
                </c:pt>
                <c:pt idx="10">
                  <c:v>-76870.024483374102</c:v>
                </c:pt>
                <c:pt idx="11">
                  <c:v>-78196.138527437593</c:v>
                </c:pt>
                <c:pt idx="12">
                  <c:v>-78289.296964725305</c:v>
                </c:pt>
                <c:pt idx="13">
                  <c:v>-76877.714903546803</c:v>
                </c:pt>
                <c:pt idx="14">
                  <c:v>-78646.754802026</c:v>
                </c:pt>
                <c:pt idx="15">
                  <c:v>-81307.605831647699</c:v>
                </c:pt>
                <c:pt idx="16">
                  <c:v>-78533.226570262297</c:v>
                </c:pt>
                <c:pt idx="17">
                  <c:v>-76056.527314643507</c:v>
                </c:pt>
                <c:pt idx="18">
                  <c:v>-77500.568971874294</c:v>
                </c:pt>
                <c:pt idx="19">
                  <c:v>-80508.580286386496</c:v>
                </c:pt>
                <c:pt idx="20">
                  <c:v>-84646.381362348504</c:v>
                </c:pt>
                <c:pt idx="21">
                  <c:v>-73981.279254733803</c:v>
                </c:pt>
                <c:pt idx="22">
                  <c:v>-77682.792026240699</c:v>
                </c:pt>
                <c:pt idx="23">
                  <c:v>-75627.008060264896</c:v>
                </c:pt>
                <c:pt idx="24">
                  <c:v>-68677.600413644002</c:v>
                </c:pt>
                <c:pt idx="25">
                  <c:v>-78589.283012991102</c:v>
                </c:pt>
                <c:pt idx="26">
                  <c:v>-63982.906861478397</c:v>
                </c:pt>
                <c:pt idx="27">
                  <c:v>-77194.789116922897</c:v>
                </c:pt>
                <c:pt idx="28">
                  <c:v>-63570.770214288503</c:v>
                </c:pt>
                <c:pt idx="29">
                  <c:v>-62730.280212703903</c:v>
                </c:pt>
                <c:pt idx="30">
                  <c:v>-65784.7239421751</c:v>
                </c:pt>
                <c:pt idx="31">
                  <c:v>-57596.365108847698</c:v>
                </c:pt>
                <c:pt idx="32">
                  <c:v>-57260.168272533003</c:v>
                </c:pt>
                <c:pt idx="33">
                  <c:v>-58866.056861892503</c:v>
                </c:pt>
                <c:pt idx="34">
                  <c:v>-61437.315827467501</c:v>
                </c:pt>
                <c:pt idx="35">
                  <c:v>-64269.415395100899</c:v>
                </c:pt>
                <c:pt idx="36">
                  <c:v>-60109.7288382365</c:v>
                </c:pt>
                <c:pt idx="37">
                  <c:v>-56520.889425755398</c:v>
                </c:pt>
                <c:pt idx="38">
                  <c:v>-54431.0676446793</c:v>
                </c:pt>
                <c:pt idx="39">
                  <c:v>-56995.008355192098</c:v>
                </c:pt>
                <c:pt idx="40">
                  <c:v>-53367.958787021496</c:v>
                </c:pt>
                <c:pt idx="41">
                  <c:v>-46626.330831987703</c:v>
                </c:pt>
                <c:pt idx="42">
                  <c:v>-47846.246649873399</c:v>
                </c:pt>
                <c:pt idx="43">
                  <c:v>-51701.309985738902</c:v>
                </c:pt>
                <c:pt idx="44">
                  <c:v>-45506.635280184899</c:v>
                </c:pt>
                <c:pt idx="45">
                  <c:v>-43341.3350367073</c:v>
                </c:pt>
                <c:pt idx="46">
                  <c:v>-41794.058148101998</c:v>
                </c:pt>
                <c:pt idx="47">
                  <c:v>-46364.145178795901</c:v>
                </c:pt>
                <c:pt idx="48">
                  <c:v>-41628.242827847003</c:v>
                </c:pt>
                <c:pt idx="49">
                  <c:v>-46717.271176286202</c:v>
                </c:pt>
                <c:pt idx="50">
                  <c:v>-46354.642534641302</c:v>
                </c:pt>
                <c:pt idx="51">
                  <c:v>-42451.542010395096</c:v>
                </c:pt>
                <c:pt idx="52">
                  <c:v>-46684.176154893401</c:v>
                </c:pt>
                <c:pt idx="53">
                  <c:v>-52980.102527700597</c:v>
                </c:pt>
                <c:pt idx="54">
                  <c:v>-41431.271943960397</c:v>
                </c:pt>
                <c:pt idx="55">
                  <c:v>-38345.783374785999</c:v>
                </c:pt>
                <c:pt idx="56">
                  <c:v>-40703.449680985097</c:v>
                </c:pt>
                <c:pt idx="57">
                  <c:v>-39692.560719116504</c:v>
                </c:pt>
                <c:pt idx="58">
                  <c:v>-38530.6520550391</c:v>
                </c:pt>
                <c:pt idx="59">
                  <c:v>-44111.516798691897</c:v>
                </c:pt>
                <c:pt idx="60">
                  <c:v>-39219.952051581196</c:v>
                </c:pt>
                <c:pt idx="61">
                  <c:v>-41272.362917332299</c:v>
                </c:pt>
                <c:pt idx="62">
                  <c:v>-38702.819243862999</c:v>
                </c:pt>
                <c:pt idx="63">
                  <c:v>-35810.000091943002</c:v>
                </c:pt>
                <c:pt idx="64">
                  <c:v>-39140.848423699201</c:v>
                </c:pt>
                <c:pt idx="65">
                  <c:v>-35768.583741146402</c:v>
                </c:pt>
                <c:pt idx="66">
                  <c:v>-37329.826099764898</c:v>
                </c:pt>
                <c:pt idx="67">
                  <c:v>-40034.666636923699</c:v>
                </c:pt>
                <c:pt idx="68">
                  <c:v>-41055.109030920597</c:v>
                </c:pt>
                <c:pt idx="69">
                  <c:v>-33376.251425720096</c:v>
                </c:pt>
                <c:pt idx="70">
                  <c:v>-39245.317866040699</c:v>
                </c:pt>
                <c:pt idx="71">
                  <c:v>-44728.493170911701</c:v>
                </c:pt>
                <c:pt idx="72">
                  <c:v>-43682.891087757504</c:v>
                </c:pt>
                <c:pt idx="73">
                  <c:v>-32729.8786817781</c:v>
                </c:pt>
                <c:pt idx="74">
                  <c:v>-31785.9202656733</c:v>
                </c:pt>
                <c:pt idx="75">
                  <c:v>-34129.897370648803</c:v>
                </c:pt>
                <c:pt idx="76">
                  <c:v>-35105.189268420698</c:v>
                </c:pt>
                <c:pt idx="77">
                  <c:v>-40334.585257769497</c:v>
                </c:pt>
                <c:pt idx="78">
                  <c:v>-38925.679759804298</c:v>
                </c:pt>
                <c:pt idx="79">
                  <c:v>-34234.002445249796</c:v>
                </c:pt>
                <c:pt idx="80">
                  <c:v>-32340.6155954561</c:v>
                </c:pt>
                <c:pt idx="81">
                  <c:v>-33068.887146543399</c:v>
                </c:pt>
                <c:pt idx="82">
                  <c:v>-30019.629953503601</c:v>
                </c:pt>
                <c:pt idx="83">
                  <c:v>-33828.185008239197</c:v>
                </c:pt>
                <c:pt idx="84">
                  <c:v>-36249.131143497303</c:v>
                </c:pt>
                <c:pt idx="85">
                  <c:v>-34793.423416917103</c:v>
                </c:pt>
                <c:pt idx="86">
                  <c:v>-29599.471094368499</c:v>
                </c:pt>
                <c:pt idx="87">
                  <c:v>-29796.695462449501</c:v>
                </c:pt>
                <c:pt idx="88">
                  <c:v>-33619.346732525497</c:v>
                </c:pt>
                <c:pt idx="89">
                  <c:v>-33754.8739015998</c:v>
                </c:pt>
                <c:pt idx="90">
                  <c:v>-32005.4540038864</c:v>
                </c:pt>
                <c:pt idx="91">
                  <c:v>-34398.477110890097</c:v>
                </c:pt>
                <c:pt idx="92">
                  <c:v>-33838.737743853497</c:v>
                </c:pt>
                <c:pt idx="93">
                  <c:v>-33757.762632228703</c:v>
                </c:pt>
                <c:pt idx="94">
                  <c:v>-35498.125162877397</c:v>
                </c:pt>
                <c:pt idx="95">
                  <c:v>-31945.0242361239</c:v>
                </c:pt>
                <c:pt idx="96">
                  <c:v>-28840.604738908001</c:v>
                </c:pt>
                <c:pt idx="97">
                  <c:v>-31860.918299582099</c:v>
                </c:pt>
                <c:pt idx="98">
                  <c:v>-35916.177998075204</c:v>
                </c:pt>
                <c:pt idx="99">
                  <c:v>-31514.234743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2E5-4148-9115-CFC232956B29}"/>
            </c:ext>
          </c:extLst>
        </c:ser>
        <c:ser>
          <c:idx val="2"/>
          <c:order val="2"/>
          <c:tx>
            <c:strRef>
              <c:f>'genetic_easy_0_crossover_pm (2)'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'genetic_easy_0_crossover_pm (2)'!$C$2:$C$101</c:f>
              <c:numCache>
                <c:formatCode>General</c:formatCode>
                <c:ptCount val="100"/>
                <c:pt idx="0">
                  <c:v>-30833.440536787399</c:v>
                </c:pt>
                <c:pt idx="1">
                  <c:v>-24444.0872831661</c:v>
                </c:pt>
                <c:pt idx="2">
                  <c:v>-24361.207953415698</c:v>
                </c:pt>
                <c:pt idx="3">
                  <c:v>-24214.550862561999</c:v>
                </c:pt>
                <c:pt idx="4">
                  <c:v>-24030.332945432099</c:v>
                </c:pt>
                <c:pt idx="5">
                  <c:v>-23495.940392610599</c:v>
                </c:pt>
                <c:pt idx="6">
                  <c:v>-23723.694314722699</c:v>
                </c:pt>
                <c:pt idx="7">
                  <c:v>-23249.406603504402</c:v>
                </c:pt>
                <c:pt idx="8">
                  <c:v>-23061.8675009978</c:v>
                </c:pt>
                <c:pt idx="9">
                  <c:v>-22685.087014126999</c:v>
                </c:pt>
                <c:pt idx="10">
                  <c:v>-22591.1853310322</c:v>
                </c:pt>
                <c:pt idx="11">
                  <c:v>-22076.984809039001</c:v>
                </c:pt>
                <c:pt idx="12">
                  <c:v>-22081.767472311902</c:v>
                </c:pt>
                <c:pt idx="13">
                  <c:v>-21896.337199473401</c:v>
                </c:pt>
                <c:pt idx="14">
                  <c:v>-21503.335088826399</c:v>
                </c:pt>
                <c:pt idx="15">
                  <c:v>-21830.185380218601</c:v>
                </c:pt>
                <c:pt idx="16">
                  <c:v>-21343.1762503137</c:v>
                </c:pt>
                <c:pt idx="17">
                  <c:v>-21278.808160250999</c:v>
                </c:pt>
                <c:pt idx="18">
                  <c:v>-21032.411850682001</c:v>
                </c:pt>
                <c:pt idx="19">
                  <c:v>-20648.2704102151</c:v>
                </c:pt>
                <c:pt idx="20">
                  <c:v>-20356.7704822817</c:v>
                </c:pt>
                <c:pt idx="21">
                  <c:v>-19939.205597128399</c:v>
                </c:pt>
                <c:pt idx="22">
                  <c:v>-19799.5403527321</c:v>
                </c:pt>
                <c:pt idx="23">
                  <c:v>-19311.213174412798</c:v>
                </c:pt>
                <c:pt idx="24">
                  <c:v>-18988.8876212828</c:v>
                </c:pt>
                <c:pt idx="25">
                  <c:v>-18752.4888756525</c:v>
                </c:pt>
                <c:pt idx="26">
                  <c:v>-18521.837150753501</c:v>
                </c:pt>
                <c:pt idx="27">
                  <c:v>-18236.447215393498</c:v>
                </c:pt>
                <c:pt idx="28">
                  <c:v>-18030.570557568601</c:v>
                </c:pt>
                <c:pt idx="29">
                  <c:v>-17692.996997482998</c:v>
                </c:pt>
                <c:pt idx="30">
                  <c:v>-17402.6210689285</c:v>
                </c:pt>
                <c:pt idx="31">
                  <c:v>-16783.1113239972</c:v>
                </c:pt>
                <c:pt idx="32">
                  <c:v>-16723.840352026</c:v>
                </c:pt>
                <c:pt idx="33">
                  <c:v>-16149.342878069299</c:v>
                </c:pt>
                <c:pt idx="34">
                  <c:v>-15959.268511173599</c:v>
                </c:pt>
                <c:pt idx="35">
                  <c:v>-15532.6433066196</c:v>
                </c:pt>
                <c:pt idx="36">
                  <c:v>-15184.752724137399</c:v>
                </c:pt>
                <c:pt idx="37">
                  <c:v>-14665.504143153599</c:v>
                </c:pt>
                <c:pt idx="38">
                  <c:v>-14530.900202176101</c:v>
                </c:pt>
                <c:pt idx="39">
                  <c:v>-14243.9475795377</c:v>
                </c:pt>
                <c:pt idx="40">
                  <c:v>-14034.178452267701</c:v>
                </c:pt>
                <c:pt idx="41">
                  <c:v>-13636.2656879191</c:v>
                </c:pt>
                <c:pt idx="42">
                  <c:v>-13385.4820431439</c:v>
                </c:pt>
                <c:pt idx="43">
                  <c:v>-13169.4415155318</c:v>
                </c:pt>
                <c:pt idx="44">
                  <c:v>-12917.174074394599</c:v>
                </c:pt>
                <c:pt idx="45">
                  <c:v>-12730.3501368947</c:v>
                </c:pt>
                <c:pt idx="46">
                  <c:v>-12617.613717382001</c:v>
                </c:pt>
                <c:pt idx="47">
                  <c:v>-12454.2281270039</c:v>
                </c:pt>
                <c:pt idx="48">
                  <c:v>-12303.203656676</c:v>
                </c:pt>
                <c:pt idx="49">
                  <c:v>-12022.696804008299</c:v>
                </c:pt>
                <c:pt idx="50">
                  <c:v>-11970.9868036185</c:v>
                </c:pt>
                <c:pt idx="51">
                  <c:v>-11903.6478624721</c:v>
                </c:pt>
                <c:pt idx="52">
                  <c:v>-11697.316777178199</c:v>
                </c:pt>
                <c:pt idx="53">
                  <c:v>-11461.127557339099</c:v>
                </c:pt>
                <c:pt idx="54">
                  <c:v>-11314.051688867101</c:v>
                </c:pt>
                <c:pt idx="55">
                  <c:v>-11252.704535039</c:v>
                </c:pt>
                <c:pt idx="56">
                  <c:v>-11031.185633169</c:v>
                </c:pt>
                <c:pt idx="57">
                  <c:v>-10992.796068096201</c:v>
                </c:pt>
                <c:pt idx="58">
                  <c:v>-10898.2715738798</c:v>
                </c:pt>
                <c:pt idx="59">
                  <c:v>-10723.545706065799</c:v>
                </c:pt>
                <c:pt idx="60">
                  <c:v>-10603.534430735301</c:v>
                </c:pt>
                <c:pt idx="61">
                  <c:v>-10459.906748592</c:v>
                </c:pt>
                <c:pt idx="62">
                  <c:v>-10252.150403584699</c:v>
                </c:pt>
                <c:pt idx="63">
                  <c:v>-10227.805469336299</c:v>
                </c:pt>
                <c:pt idx="64">
                  <c:v>-10057.3154045463</c:v>
                </c:pt>
                <c:pt idx="65">
                  <c:v>-9976.7313834841407</c:v>
                </c:pt>
                <c:pt idx="66">
                  <c:v>-9912.0649291069294</c:v>
                </c:pt>
                <c:pt idx="67">
                  <c:v>-9792.8388922527101</c:v>
                </c:pt>
                <c:pt idx="68">
                  <c:v>-9672.4589384737192</c:v>
                </c:pt>
                <c:pt idx="69">
                  <c:v>-9521.36634107598</c:v>
                </c:pt>
                <c:pt idx="70">
                  <c:v>-9396.3695351564093</c:v>
                </c:pt>
                <c:pt idx="71">
                  <c:v>-9322.5349845919991</c:v>
                </c:pt>
                <c:pt idx="72">
                  <c:v>-9245.4324642205302</c:v>
                </c:pt>
                <c:pt idx="73">
                  <c:v>-9161.0604985478403</c:v>
                </c:pt>
                <c:pt idx="74">
                  <c:v>-9091.9048719966704</c:v>
                </c:pt>
                <c:pt idx="75">
                  <c:v>-9024.4852595479206</c:v>
                </c:pt>
                <c:pt idx="76">
                  <c:v>-8816.9924153832799</c:v>
                </c:pt>
                <c:pt idx="77">
                  <c:v>-8651.9779873215994</c:v>
                </c:pt>
                <c:pt idx="78">
                  <c:v>-8518.6239581220798</c:v>
                </c:pt>
                <c:pt idx="79">
                  <c:v>-8459.8431440365493</c:v>
                </c:pt>
                <c:pt idx="80">
                  <c:v>-8452.4285179706603</c:v>
                </c:pt>
                <c:pt idx="81">
                  <c:v>-8323.3158876766392</c:v>
                </c:pt>
                <c:pt idx="82">
                  <c:v>-8288.1235669357193</c:v>
                </c:pt>
                <c:pt idx="83">
                  <c:v>-8229.4631160005702</c:v>
                </c:pt>
                <c:pt idx="84">
                  <c:v>-8142.0913992399101</c:v>
                </c:pt>
                <c:pt idx="85">
                  <c:v>-8129.3951098938696</c:v>
                </c:pt>
                <c:pt idx="86">
                  <c:v>-8096.1454181761601</c:v>
                </c:pt>
                <c:pt idx="87">
                  <c:v>-8001.03871860871</c:v>
                </c:pt>
                <c:pt idx="88">
                  <c:v>-7948.77181539919</c:v>
                </c:pt>
                <c:pt idx="89">
                  <c:v>-7873.6317231979601</c:v>
                </c:pt>
                <c:pt idx="90">
                  <c:v>-7863.9568751933402</c:v>
                </c:pt>
                <c:pt idx="91">
                  <c:v>-7784.0594638146204</c:v>
                </c:pt>
                <c:pt idx="92">
                  <c:v>-7740.5158875403704</c:v>
                </c:pt>
                <c:pt idx="93">
                  <c:v>-7666.8994166760704</c:v>
                </c:pt>
                <c:pt idx="94">
                  <c:v>-7649.30581838737</c:v>
                </c:pt>
                <c:pt idx="95">
                  <c:v>-7586.26813036556</c:v>
                </c:pt>
                <c:pt idx="96">
                  <c:v>-7570.0519762723497</c:v>
                </c:pt>
                <c:pt idx="97">
                  <c:v>-7445.5956449902496</c:v>
                </c:pt>
                <c:pt idx="98">
                  <c:v>-7436.2043103555998</c:v>
                </c:pt>
                <c:pt idx="99">
                  <c:v>-7324.7729662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52E5-4148-9115-CFC232956B2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8661584"/>
        <c:axId val="78663664"/>
      </c:lineChart>
      <c:catAx>
        <c:axId val="78661584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78663664"/>
        <c:crosses val="autoZero"/>
        <c:auto val="1"/>
        <c:lblAlgn val="ctr"/>
        <c:lblOffset val="100"/>
        <c:noMultiLvlLbl val="0"/>
      </c:catAx>
      <c:valAx>
        <c:axId val="786636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7866158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easy_0_mutation_inverse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easy_0_mutation_inverse!$A$2:$A$101</c:f>
              <c:numCache>
                <c:formatCode>General</c:formatCode>
                <c:ptCount val="100"/>
                <c:pt idx="0">
                  <c:v>-28939.741497888401</c:v>
                </c:pt>
                <c:pt idx="1">
                  <c:v>-23419.849758700198</c:v>
                </c:pt>
                <c:pt idx="2">
                  <c:v>-23722.400142663701</c:v>
                </c:pt>
                <c:pt idx="3">
                  <c:v>-22418.615485828599</c:v>
                </c:pt>
                <c:pt idx="4">
                  <c:v>-22721.127411390698</c:v>
                </c:pt>
                <c:pt idx="5">
                  <c:v>-22442.243482488699</c:v>
                </c:pt>
                <c:pt idx="6">
                  <c:v>-22061.235758038802</c:v>
                </c:pt>
                <c:pt idx="7">
                  <c:v>-20775.905979965799</c:v>
                </c:pt>
                <c:pt idx="8">
                  <c:v>-21810.973301477701</c:v>
                </c:pt>
                <c:pt idx="9">
                  <c:v>-20994.757131042701</c:v>
                </c:pt>
                <c:pt idx="10">
                  <c:v>-20252.109504946999</c:v>
                </c:pt>
                <c:pt idx="11">
                  <c:v>-19795.605261591401</c:v>
                </c:pt>
                <c:pt idx="12">
                  <c:v>-19344.646166271599</c:v>
                </c:pt>
                <c:pt idx="13">
                  <c:v>-18747.320580645999</c:v>
                </c:pt>
                <c:pt idx="14">
                  <c:v>-17361.225078839401</c:v>
                </c:pt>
                <c:pt idx="15">
                  <c:v>-16888.132177472999</c:v>
                </c:pt>
                <c:pt idx="16">
                  <c:v>-16361.859502724399</c:v>
                </c:pt>
                <c:pt idx="17">
                  <c:v>-16256.308081147399</c:v>
                </c:pt>
                <c:pt idx="18">
                  <c:v>-16068.4316277245</c:v>
                </c:pt>
                <c:pt idx="19">
                  <c:v>-15752.529640065201</c:v>
                </c:pt>
                <c:pt idx="20">
                  <c:v>-15212.4854468292</c:v>
                </c:pt>
                <c:pt idx="21">
                  <c:v>-14141.5163083886</c:v>
                </c:pt>
                <c:pt idx="22">
                  <c:v>-13903.285244410999</c:v>
                </c:pt>
                <c:pt idx="23">
                  <c:v>-14139.680201343999</c:v>
                </c:pt>
                <c:pt idx="24">
                  <c:v>-13156.1246169023</c:v>
                </c:pt>
                <c:pt idx="25">
                  <c:v>-12679.620324078</c:v>
                </c:pt>
                <c:pt idx="26">
                  <c:v>-13111.140860232999</c:v>
                </c:pt>
                <c:pt idx="27">
                  <c:v>-12701.6173847645</c:v>
                </c:pt>
                <c:pt idx="28">
                  <c:v>-12031.0947627104</c:v>
                </c:pt>
                <c:pt idx="29">
                  <c:v>-11963.8044389115</c:v>
                </c:pt>
                <c:pt idx="30">
                  <c:v>-11755.7805171525</c:v>
                </c:pt>
                <c:pt idx="31">
                  <c:v>-11214.647220585901</c:v>
                </c:pt>
                <c:pt idx="32">
                  <c:v>-10679.518274929</c:v>
                </c:pt>
                <c:pt idx="33">
                  <c:v>-10679.518274929</c:v>
                </c:pt>
                <c:pt idx="34">
                  <c:v>-10224.7684375013</c:v>
                </c:pt>
                <c:pt idx="35">
                  <c:v>-10162.261247475901</c:v>
                </c:pt>
                <c:pt idx="36">
                  <c:v>-9850.9766259136104</c:v>
                </c:pt>
                <c:pt idx="37">
                  <c:v>-9909.9441753791307</c:v>
                </c:pt>
                <c:pt idx="38">
                  <c:v>-9521.9382764217407</c:v>
                </c:pt>
                <c:pt idx="39">
                  <c:v>-9603.51359887527</c:v>
                </c:pt>
                <c:pt idx="40">
                  <c:v>-9338.3392295977992</c:v>
                </c:pt>
                <c:pt idx="41">
                  <c:v>-8989.3206429869297</c:v>
                </c:pt>
                <c:pt idx="42">
                  <c:v>-8695.4247712168508</c:v>
                </c:pt>
                <c:pt idx="43">
                  <c:v>-8808.5250745378198</c:v>
                </c:pt>
                <c:pt idx="44">
                  <c:v>-9028.9979802625094</c:v>
                </c:pt>
                <c:pt idx="45">
                  <c:v>-8929.9704362236698</c:v>
                </c:pt>
                <c:pt idx="46">
                  <c:v>-8624.5947865243907</c:v>
                </c:pt>
                <c:pt idx="47">
                  <c:v>-8606.2878307356805</c:v>
                </c:pt>
                <c:pt idx="48">
                  <c:v>-8181.6536393594297</c:v>
                </c:pt>
                <c:pt idx="49">
                  <c:v>-8129.9962125352404</c:v>
                </c:pt>
                <c:pt idx="50">
                  <c:v>-7865.4747603241203</c:v>
                </c:pt>
                <c:pt idx="51">
                  <c:v>-7638.2536658442696</c:v>
                </c:pt>
                <c:pt idx="52">
                  <c:v>-7701.8251543883998</c:v>
                </c:pt>
                <c:pt idx="53">
                  <c:v>-7701.8251543883998</c:v>
                </c:pt>
                <c:pt idx="54">
                  <c:v>-7529.4548240583599</c:v>
                </c:pt>
                <c:pt idx="55">
                  <c:v>-7640.5638745228498</c:v>
                </c:pt>
                <c:pt idx="56">
                  <c:v>-7523.1564629494997</c:v>
                </c:pt>
                <c:pt idx="57">
                  <c:v>-7523.1564629494997</c:v>
                </c:pt>
                <c:pt idx="58">
                  <c:v>-7523.1564629494997</c:v>
                </c:pt>
                <c:pt idx="59">
                  <c:v>-7618.16868639529</c:v>
                </c:pt>
                <c:pt idx="60">
                  <c:v>-7492.9406861960197</c:v>
                </c:pt>
                <c:pt idx="61">
                  <c:v>-7378.76423286511</c:v>
                </c:pt>
                <c:pt idx="62">
                  <c:v>-7275.4167755076896</c:v>
                </c:pt>
                <c:pt idx="63">
                  <c:v>-7314.3152370744301</c:v>
                </c:pt>
                <c:pt idx="64">
                  <c:v>-7258.9357624927197</c:v>
                </c:pt>
                <c:pt idx="65">
                  <c:v>-7200.2837424187401</c:v>
                </c:pt>
                <c:pt idx="66">
                  <c:v>-7183.1776422780204</c:v>
                </c:pt>
                <c:pt idx="67">
                  <c:v>-7114.4129941052197</c:v>
                </c:pt>
                <c:pt idx="68">
                  <c:v>-7051.3932608045598</c:v>
                </c:pt>
                <c:pt idx="69">
                  <c:v>-6754.9560433687702</c:v>
                </c:pt>
                <c:pt idx="70">
                  <c:v>-6600.7340628418597</c:v>
                </c:pt>
                <c:pt idx="71">
                  <c:v>-6642.4201107590097</c:v>
                </c:pt>
                <c:pt idx="72">
                  <c:v>-6574.6424723178197</c:v>
                </c:pt>
                <c:pt idx="73">
                  <c:v>-6463.1128642628701</c:v>
                </c:pt>
                <c:pt idx="74">
                  <c:v>-6413.38007120985</c:v>
                </c:pt>
                <c:pt idx="75">
                  <c:v>-6365.8249897884298</c:v>
                </c:pt>
                <c:pt idx="76">
                  <c:v>-6230.2241516895201</c:v>
                </c:pt>
                <c:pt idx="77">
                  <c:v>-6276.4118283397602</c:v>
                </c:pt>
                <c:pt idx="78">
                  <c:v>-6220.3804799850304</c:v>
                </c:pt>
                <c:pt idx="79">
                  <c:v>-6220.3804799850304</c:v>
                </c:pt>
                <c:pt idx="80">
                  <c:v>-6150.6566727452</c:v>
                </c:pt>
                <c:pt idx="81">
                  <c:v>-6114.4323582561801</c:v>
                </c:pt>
                <c:pt idx="82">
                  <c:v>-5975.5433427183298</c:v>
                </c:pt>
                <c:pt idx="83">
                  <c:v>-5887.6400579828596</c:v>
                </c:pt>
                <c:pt idx="84">
                  <c:v>-5887.6400579828596</c:v>
                </c:pt>
                <c:pt idx="85">
                  <c:v>-5558.4291629382496</c:v>
                </c:pt>
                <c:pt idx="86">
                  <c:v>-5832.3911084616302</c:v>
                </c:pt>
                <c:pt idx="87">
                  <c:v>-5545.5023879293203</c:v>
                </c:pt>
                <c:pt idx="88">
                  <c:v>-5545.5023879293203</c:v>
                </c:pt>
                <c:pt idx="89">
                  <c:v>-5538.0003717853297</c:v>
                </c:pt>
                <c:pt idx="90">
                  <c:v>-5545.5023879293203</c:v>
                </c:pt>
                <c:pt idx="91">
                  <c:v>-5538.0003717853297</c:v>
                </c:pt>
                <c:pt idx="92">
                  <c:v>-5538.0003717853297</c:v>
                </c:pt>
                <c:pt idx="93">
                  <c:v>-5496.9205774902402</c:v>
                </c:pt>
                <c:pt idx="94">
                  <c:v>-5474.0562912351297</c:v>
                </c:pt>
                <c:pt idx="95">
                  <c:v>-5413.5757807046102</c:v>
                </c:pt>
                <c:pt idx="96">
                  <c:v>-5413.5757807046102</c:v>
                </c:pt>
                <c:pt idx="97">
                  <c:v>-5413.5757807046102</c:v>
                </c:pt>
                <c:pt idx="98">
                  <c:v>-5341.0982627046296</c:v>
                </c:pt>
                <c:pt idx="99">
                  <c:v>-5072.3084873204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C96-4937-BE89-51101C756F50}"/>
            </c:ext>
          </c:extLst>
        </c:ser>
        <c:ser>
          <c:idx val="1"/>
          <c:order val="1"/>
          <c:tx>
            <c:strRef>
              <c:f>genetic_easy_0_mutation_inverse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easy_0_mutation_inverse!$B$2:$B$101</c:f>
              <c:numCache>
                <c:formatCode>General</c:formatCode>
                <c:ptCount val="100"/>
                <c:pt idx="0">
                  <c:v>-93271.636157362896</c:v>
                </c:pt>
                <c:pt idx="1">
                  <c:v>-77321.896641006693</c:v>
                </c:pt>
                <c:pt idx="2">
                  <c:v>-83486.627033903496</c:v>
                </c:pt>
                <c:pt idx="3">
                  <c:v>-82485.518523642095</c:v>
                </c:pt>
                <c:pt idx="4">
                  <c:v>-76485.643770149196</c:v>
                </c:pt>
                <c:pt idx="5">
                  <c:v>-79882.721427952099</c:v>
                </c:pt>
                <c:pt idx="6">
                  <c:v>-74183.6379544386</c:v>
                </c:pt>
                <c:pt idx="7">
                  <c:v>-81355.523346642105</c:v>
                </c:pt>
                <c:pt idx="8">
                  <c:v>-71973.172234245707</c:v>
                </c:pt>
                <c:pt idx="9">
                  <c:v>-74458.916018843796</c:v>
                </c:pt>
                <c:pt idx="10">
                  <c:v>-74375.370283913697</c:v>
                </c:pt>
                <c:pt idx="11">
                  <c:v>-75147.940816431103</c:v>
                </c:pt>
                <c:pt idx="12">
                  <c:v>-65648.242701797994</c:v>
                </c:pt>
                <c:pt idx="13">
                  <c:v>-62156.678866760798</c:v>
                </c:pt>
                <c:pt idx="14">
                  <c:v>-64507.200607199004</c:v>
                </c:pt>
                <c:pt idx="15">
                  <c:v>-69015.531809201202</c:v>
                </c:pt>
                <c:pt idx="16">
                  <c:v>-64793.361195942598</c:v>
                </c:pt>
                <c:pt idx="17">
                  <c:v>-59746.594432140599</c:v>
                </c:pt>
                <c:pt idx="18">
                  <c:v>-56558.774042932302</c:v>
                </c:pt>
                <c:pt idx="19">
                  <c:v>-61101.987181824399</c:v>
                </c:pt>
                <c:pt idx="20">
                  <c:v>-54621.2892648161</c:v>
                </c:pt>
                <c:pt idx="21">
                  <c:v>-59393.7126414249</c:v>
                </c:pt>
                <c:pt idx="22">
                  <c:v>-68861.786105388004</c:v>
                </c:pt>
                <c:pt idx="23">
                  <c:v>-59751.4792646883</c:v>
                </c:pt>
                <c:pt idx="24">
                  <c:v>-54429.189761400703</c:v>
                </c:pt>
                <c:pt idx="25">
                  <c:v>-60814.544200947399</c:v>
                </c:pt>
                <c:pt idx="26">
                  <c:v>-52138.304685534298</c:v>
                </c:pt>
                <c:pt idx="27">
                  <c:v>-55826.453800166899</c:v>
                </c:pt>
                <c:pt idx="28">
                  <c:v>-49640.5484316691</c:v>
                </c:pt>
                <c:pt idx="29">
                  <c:v>-48340.0335136875</c:v>
                </c:pt>
                <c:pt idx="30">
                  <c:v>-46187.932962889397</c:v>
                </c:pt>
                <c:pt idx="31">
                  <c:v>-45043.688187806998</c:v>
                </c:pt>
                <c:pt idx="32">
                  <c:v>-43836.113506333</c:v>
                </c:pt>
                <c:pt idx="33">
                  <c:v>-48979.651870084403</c:v>
                </c:pt>
                <c:pt idx="34">
                  <c:v>-46717.571774803801</c:v>
                </c:pt>
                <c:pt idx="35">
                  <c:v>-45135.464491810097</c:v>
                </c:pt>
                <c:pt idx="36">
                  <c:v>-45690.7446384125</c:v>
                </c:pt>
                <c:pt idx="37">
                  <c:v>-51507.851906241303</c:v>
                </c:pt>
                <c:pt idx="38">
                  <c:v>-45322.709819645301</c:v>
                </c:pt>
                <c:pt idx="39">
                  <c:v>-49063.523430219902</c:v>
                </c:pt>
                <c:pt idx="40">
                  <c:v>-52883.420790636403</c:v>
                </c:pt>
                <c:pt idx="41">
                  <c:v>-43246.1423900187</c:v>
                </c:pt>
                <c:pt idx="42">
                  <c:v>-49660.6271752596</c:v>
                </c:pt>
                <c:pt idx="43">
                  <c:v>-58590.6010864282</c:v>
                </c:pt>
                <c:pt idx="44">
                  <c:v>-37675.931799639598</c:v>
                </c:pt>
                <c:pt idx="45">
                  <c:v>-45574.927745777997</c:v>
                </c:pt>
                <c:pt idx="46">
                  <c:v>-42683.152314450097</c:v>
                </c:pt>
                <c:pt idx="47">
                  <c:v>-37890.663248127101</c:v>
                </c:pt>
                <c:pt idx="48">
                  <c:v>-39833.385117765603</c:v>
                </c:pt>
                <c:pt idx="49">
                  <c:v>-35466.3877301291</c:v>
                </c:pt>
                <c:pt idx="50">
                  <c:v>-42848.783273795103</c:v>
                </c:pt>
                <c:pt idx="51">
                  <c:v>-37929.515690028602</c:v>
                </c:pt>
                <c:pt idx="52">
                  <c:v>-35732.389141514803</c:v>
                </c:pt>
                <c:pt idx="53">
                  <c:v>-37625.179074673302</c:v>
                </c:pt>
                <c:pt idx="54">
                  <c:v>-32388.6712569667</c:v>
                </c:pt>
                <c:pt idx="55">
                  <c:v>-39944.558621359203</c:v>
                </c:pt>
                <c:pt idx="56">
                  <c:v>-33101.799744547599</c:v>
                </c:pt>
                <c:pt idx="57">
                  <c:v>-38764.736138649503</c:v>
                </c:pt>
                <c:pt idx="58">
                  <c:v>-38311.412343435601</c:v>
                </c:pt>
                <c:pt idx="59">
                  <c:v>-35182.4443250158</c:v>
                </c:pt>
                <c:pt idx="60">
                  <c:v>-33291.885587741002</c:v>
                </c:pt>
                <c:pt idx="61">
                  <c:v>-57682.482405650502</c:v>
                </c:pt>
                <c:pt idx="62">
                  <c:v>-37615.310647104299</c:v>
                </c:pt>
                <c:pt idx="63">
                  <c:v>-38224.505404768301</c:v>
                </c:pt>
                <c:pt idx="64">
                  <c:v>-32258.978373490201</c:v>
                </c:pt>
                <c:pt idx="65">
                  <c:v>-34172.982940146903</c:v>
                </c:pt>
                <c:pt idx="66">
                  <c:v>-38910.956014838797</c:v>
                </c:pt>
                <c:pt idx="67">
                  <c:v>-41844.628076726804</c:v>
                </c:pt>
                <c:pt idx="68">
                  <c:v>-31994.201213763699</c:v>
                </c:pt>
                <c:pt idx="69">
                  <c:v>-39159.816644947197</c:v>
                </c:pt>
                <c:pt idx="70">
                  <c:v>-33105.175029717298</c:v>
                </c:pt>
                <c:pt idx="71">
                  <c:v>-34685.4798281888</c:v>
                </c:pt>
                <c:pt idx="72">
                  <c:v>-32642.646767439099</c:v>
                </c:pt>
                <c:pt idx="73">
                  <c:v>-33717.642345928703</c:v>
                </c:pt>
                <c:pt idx="74">
                  <c:v>-28672.983340821</c:v>
                </c:pt>
                <c:pt idx="75">
                  <c:v>-34808.308208177303</c:v>
                </c:pt>
                <c:pt idx="76">
                  <c:v>-28498.049379735101</c:v>
                </c:pt>
                <c:pt idx="77">
                  <c:v>-32606.1221254544</c:v>
                </c:pt>
                <c:pt idx="78">
                  <c:v>-31017.173140744399</c:v>
                </c:pt>
                <c:pt idx="79">
                  <c:v>-38565.163849281598</c:v>
                </c:pt>
                <c:pt idx="80">
                  <c:v>-33230.856424376499</c:v>
                </c:pt>
                <c:pt idx="81">
                  <c:v>-32431.552707344901</c:v>
                </c:pt>
                <c:pt idx="82">
                  <c:v>-26357.9627680882</c:v>
                </c:pt>
                <c:pt idx="83">
                  <c:v>-30066.679918756399</c:v>
                </c:pt>
                <c:pt idx="84">
                  <c:v>-32875.519602559201</c:v>
                </c:pt>
                <c:pt idx="85">
                  <c:v>-30927.932066772501</c:v>
                </c:pt>
                <c:pt idx="86">
                  <c:v>-27970.278587876499</c:v>
                </c:pt>
                <c:pt idx="87">
                  <c:v>-30412.742596590298</c:v>
                </c:pt>
                <c:pt idx="88">
                  <c:v>-31353.430770838</c:v>
                </c:pt>
                <c:pt idx="89">
                  <c:v>-27148.030382829402</c:v>
                </c:pt>
                <c:pt idx="90">
                  <c:v>-27804.687836094901</c:v>
                </c:pt>
                <c:pt idx="91">
                  <c:v>-31230.611329117201</c:v>
                </c:pt>
                <c:pt idx="92">
                  <c:v>-28549.371892115101</c:v>
                </c:pt>
                <c:pt idx="93">
                  <c:v>-26508.665026664901</c:v>
                </c:pt>
                <c:pt idx="94">
                  <c:v>-27274.073870459801</c:v>
                </c:pt>
                <c:pt idx="95">
                  <c:v>-25855.1949113349</c:v>
                </c:pt>
                <c:pt idx="96">
                  <c:v>-30352.263195391199</c:v>
                </c:pt>
                <c:pt idx="97">
                  <c:v>-28433.5145580018</c:v>
                </c:pt>
                <c:pt idx="98">
                  <c:v>-29687.724481565201</c:v>
                </c:pt>
                <c:pt idx="99">
                  <c:v>-26131.3335750560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C96-4937-BE89-51101C756F50}"/>
            </c:ext>
          </c:extLst>
        </c:ser>
        <c:ser>
          <c:idx val="2"/>
          <c:order val="2"/>
          <c:tx>
            <c:strRef>
              <c:f>genetic_easy_0_mutation_inverse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easy_0_mutation_inverse!$C$2:$C$101</c:f>
              <c:numCache>
                <c:formatCode>General</c:formatCode>
                <c:ptCount val="100"/>
                <c:pt idx="0">
                  <c:v>-31363.5460121863</c:v>
                </c:pt>
                <c:pt idx="1">
                  <c:v>-24556.615351444601</c:v>
                </c:pt>
                <c:pt idx="2">
                  <c:v>-24598.3534915692</c:v>
                </c:pt>
                <c:pt idx="3">
                  <c:v>-24237.801385813898</c:v>
                </c:pt>
                <c:pt idx="4">
                  <c:v>-24136.175003054501</c:v>
                </c:pt>
                <c:pt idx="5">
                  <c:v>-23649.342711608198</c:v>
                </c:pt>
                <c:pt idx="6">
                  <c:v>-22918.196670273301</c:v>
                </c:pt>
                <c:pt idx="7">
                  <c:v>-22538.6409312797</c:v>
                </c:pt>
                <c:pt idx="8">
                  <c:v>-22564.3034080951</c:v>
                </c:pt>
                <c:pt idx="9">
                  <c:v>-21873.061580734899</c:v>
                </c:pt>
                <c:pt idx="10">
                  <c:v>-21571.2499242964</c:v>
                </c:pt>
                <c:pt idx="11">
                  <c:v>-20989.846863039598</c:v>
                </c:pt>
                <c:pt idx="12">
                  <c:v>-20552.863171744601</c:v>
                </c:pt>
                <c:pt idx="13">
                  <c:v>-20173.0810287081</c:v>
                </c:pt>
                <c:pt idx="14">
                  <c:v>-18879.508512181401</c:v>
                </c:pt>
                <c:pt idx="15">
                  <c:v>-18777.740691751002</c:v>
                </c:pt>
                <c:pt idx="16">
                  <c:v>-18388.5048997577</c:v>
                </c:pt>
                <c:pt idx="17">
                  <c:v>-18017.729661662601</c:v>
                </c:pt>
                <c:pt idx="18">
                  <c:v>-17516.196661690599</c:v>
                </c:pt>
                <c:pt idx="19">
                  <c:v>-17514.112858737601</c:v>
                </c:pt>
                <c:pt idx="20">
                  <c:v>-16774.053662402301</c:v>
                </c:pt>
                <c:pt idx="21">
                  <c:v>-16392.9727053237</c:v>
                </c:pt>
                <c:pt idx="22">
                  <c:v>-16053.7212078419</c:v>
                </c:pt>
                <c:pt idx="23">
                  <c:v>-15640.1541729931</c:v>
                </c:pt>
                <c:pt idx="24">
                  <c:v>-15491.7470298915</c:v>
                </c:pt>
                <c:pt idx="25">
                  <c:v>-15128.9882936637</c:v>
                </c:pt>
                <c:pt idx="26">
                  <c:v>-14725.517185413801</c:v>
                </c:pt>
                <c:pt idx="27">
                  <c:v>-14488.0129999861</c:v>
                </c:pt>
                <c:pt idx="28">
                  <c:v>-14182.559045296</c:v>
                </c:pt>
                <c:pt idx="29">
                  <c:v>-13879.53485061</c:v>
                </c:pt>
                <c:pt idx="30">
                  <c:v>-13498.120549964</c:v>
                </c:pt>
                <c:pt idx="31">
                  <c:v>-13254.563730427601</c:v>
                </c:pt>
                <c:pt idx="32">
                  <c:v>-13035.477793935701</c:v>
                </c:pt>
                <c:pt idx="33">
                  <c:v>-12956.5394694552</c:v>
                </c:pt>
                <c:pt idx="34">
                  <c:v>-12599.332264053</c:v>
                </c:pt>
                <c:pt idx="35">
                  <c:v>-12354.986387334</c:v>
                </c:pt>
                <c:pt idx="36">
                  <c:v>-12040.454202901799</c:v>
                </c:pt>
                <c:pt idx="37">
                  <c:v>-12010.460641858899</c:v>
                </c:pt>
                <c:pt idx="38">
                  <c:v>-11718.2375564964</c:v>
                </c:pt>
                <c:pt idx="39">
                  <c:v>-11505.726927862401</c:v>
                </c:pt>
                <c:pt idx="40">
                  <c:v>-11309.9144047892</c:v>
                </c:pt>
                <c:pt idx="41">
                  <c:v>-11099.036217963499</c:v>
                </c:pt>
                <c:pt idx="42">
                  <c:v>-10983.032272372</c:v>
                </c:pt>
                <c:pt idx="43">
                  <c:v>-10707.644428722801</c:v>
                </c:pt>
                <c:pt idx="44">
                  <c:v>-10663.1428814669</c:v>
                </c:pt>
                <c:pt idx="45">
                  <c:v>-10535.5092000348</c:v>
                </c:pt>
                <c:pt idx="46">
                  <c:v>-10207.7745669578</c:v>
                </c:pt>
                <c:pt idx="47">
                  <c:v>-10134.5980274423</c:v>
                </c:pt>
                <c:pt idx="48">
                  <c:v>-10031.643461761099</c:v>
                </c:pt>
                <c:pt idx="49">
                  <c:v>-9874.2606084865292</c:v>
                </c:pt>
                <c:pt idx="50">
                  <c:v>-9587.1676891582392</c:v>
                </c:pt>
                <c:pt idx="51">
                  <c:v>-9446.2081550674993</c:v>
                </c:pt>
                <c:pt idx="52">
                  <c:v>-9467.3423403630804</c:v>
                </c:pt>
                <c:pt idx="53">
                  <c:v>-9252.4462129370604</c:v>
                </c:pt>
                <c:pt idx="54">
                  <c:v>-9099.5592068220303</c:v>
                </c:pt>
                <c:pt idx="55">
                  <c:v>-9052.4395595062506</c:v>
                </c:pt>
                <c:pt idx="56">
                  <c:v>-8862.6976021892606</c:v>
                </c:pt>
                <c:pt idx="57">
                  <c:v>-8848.09284277191</c:v>
                </c:pt>
                <c:pt idx="58">
                  <c:v>-8637.6316043426996</c:v>
                </c:pt>
                <c:pt idx="59">
                  <c:v>-8623.8500619057304</c:v>
                </c:pt>
                <c:pt idx="60">
                  <c:v>-8448.0496175717999</c:v>
                </c:pt>
                <c:pt idx="61">
                  <c:v>-8311.4756996456108</c:v>
                </c:pt>
                <c:pt idx="62">
                  <c:v>-8203.7387847689697</c:v>
                </c:pt>
                <c:pt idx="63">
                  <c:v>-8205.1246930736197</c:v>
                </c:pt>
                <c:pt idx="64">
                  <c:v>-8012.1284471679901</c:v>
                </c:pt>
                <c:pt idx="65">
                  <c:v>-7964.4647364946504</c:v>
                </c:pt>
                <c:pt idx="66">
                  <c:v>-7907.2770484625999</c:v>
                </c:pt>
                <c:pt idx="67">
                  <c:v>-7898.7517129895796</c:v>
                </c:pt>
                <c:pt idx="68">
                  <c:v>-7791.5909260509097</c:v>
                </c:pt>
                <c:pt idx="69">
                  <c:v>-7673.8038776616304</c:v>
                </c:pt>
                <c:pt idx="70">
                  <c:v>-7537.2822104021097</c:v>
                </c:pt>
                <c:pt idx="71">
                  <c:v>-7488.6165474897798</c:v>
                </c:pt>
                <c:pt idx="72">
                  <c:v>-7396.39434479989</c:v>
                </c:pt>
                <c:pt idx="73">
                  <c:v>-7343.1917508665201</c:v>
                </c:pt>
                <c:pt idx="74">
                  <c:v>-7249.6718605473498</c:v>
                </c:pt>
                <c:pt idx="75">
                  <c:v>-7167.5328249358199</c:v>
                </c:pt>
                <c:pt idx="76">
                  <c:v>-7091.2889446394001</c:v>
                </c:pt>
                <c:pt idx="77">
                  <c:v>-7076.1405317981398</c:v>
                </c:pt>
                <c:pt idx="78">
                  <c:v>-6963.6684652021304</c:v>
                </c:pt>
                <c:pt idx="79">
                  <c:v>-6894.1372669129996</c:v>
                </c:pt>
                <c:pt idx="80">
                  <c:v>-6786.7664202995702</c:v>
                </c:pt>
                <c:pt idx="81">
                  <c:v>-6698.9040866041796</c:v>
                </c:pt>
                <c:pt idx="82">
                  <c:v>-6665.3524586023505</c:v>
                </c:pt>
                <c:pt idx="83">
                  <c:v>-6579.7917215082798</c:v>
                </c:pt>
                <c:pt idx="84">
                  <c:v>-6526.9057176517399</c:v>
                </c:pt>
                <c:pt idx="85">
                  <c:v>-6447.5574901709997</c:v>
                </c:pt>
                <c:pt idx="86">
                  <c:v>-6480.4559628136903</c:v>
                </c:pt>
                <c:pt idx="87">
                  <c:v>-6399.8021433080403</c:v>
                </c:pt>
                <c:pt idx="88">
                  <c:v>-6369.4233633232398</c:v>
                </c:pt>
                <c:pt idx="89">
                  <c:v>-6318.7745102078597</c:v>
                </c:pt>
                <c:pt idx="90">
                  <c:v>-6258.6129161806102</c:v>
                </c:pt>
                <c:pt idx="91">
                  <c:v>-6239.2244981997201</c:v>
                </c:pt>
                <c:pt idx="92">
                  <c:v>-6235.1168250768496</c:v>
                </c:pt>
                <c:pt idx="93">
                  <c:v>-6148.1163973093298</c:v>
                </c:pt>
                <c:pt idx="94">
                  <c:v>-6102.6373413149504</c:v>
                </c:pt>
                <c:pt idx="95">
                  <c:v>-6072.5597763613996</c:v>
                </c:pt>
                <c:pt idx="96">
                  <c:v>-6046.3203894942899</c:v>
                </c:pt>
                <c:pt idx="97">
                  <c:v>-5990.6847205445401</c:v>
                </c:pt>
                <c:pt idx="98">
                  <c:v>-5965.1286540998799</c:v>
                </c:pt>
                <c:pt idx="99">
                  <c:v>-5890.45846084827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FC96-4937-BE89-51101C756F5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63395680"/>
        <c:axId val="63397760"/>
      </c:lineChart>
      <c:catAx>
        <c:axId val="63395680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97760"/>
        <c:crosses val="autoZero"/>
        <c:auto val="1"/>
        <c:lblAlgn val="ctr"/>
        <c:lblOffset val="100"/>
        <c:noMultiLvlLbl val="0"/>
      </c:catAx>
      <c:valAx>
        <c:axId val="633977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9568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genetic_easy_0_mutation_inv (2)'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'genetic_easy_0_mutation_inv (2)'!$A$2:$A$101</c:f>
              <c:numCache>
                <c:formatCode>General</c:formatCode>
                <c:ptCount val="100"/>
                <c:pt idx="0">
                  <c:v>-28584.081914791401</c:v>
                </c:pt>
                <c:pt idx="1">
                  <c:v>-23138.159842226902</c:v>
                </c:pt>
                <c:pt idx="2">
                  <c:v>-23138.159842226902</c:v>
                </c:pt>
                <c:pt idx="3">
                  <c:v>-23138.159842226902</c:v>
                </c:pt>
                <c:pt idx="4">
                  <c:v>-22505.856051151499</c:v>
                </c:pt>
                <c:pt idx="5">
                  <c:v>-23060.380767800001</c:v>
                </c:pt>
                <c:pt idx="6">
                  <c:v>-21498.434079025199</c:v>
                </c:pt>
                <c:pt idx="7">
                  <c:v>-21156.6914899291</c:v>
                </c:pt>
                <c:pt idx="8">
                  <c:v>-20613.678357558201</c:v>
                </c:pt>
                <c:pt idx="9">
                  <c:v>-19781.8403126503</c:v>
                </c:pt>
                <c:pt idx="10">
                  <c:v>-19781.8403126503</c:v>
                </c:pt>
                <c:pt idx="11">
                  <c:v>-18251.234053661599</c:v>
                </c:pt>
                <c:pt idx="12">
                  <c:v>-17404.910910370701</c:v>
                </c:pt>
                <c:pt idx="13">
                  <c:v>-16736.075181131</c:v>
                </c:pt>
                <c:pt idx="14">
                  <c:v>-16736.075181131</c:v>
                </c:pt>
                <c:pt idx="15">
                  <c:v>-15764.0387904912</c:v>
                </c:pt>
                <c:pt idx="16">
                  <c:v>-14945.631250639701</c:v>
                </c:pt>
                <c:pt idx="17">
                  <c:v>-14439.735668662999</c:v>
                </c:pt>
                <c:pt idx="18">
                  <c:v>-14554.4242899526</c:v>
                </c:pt>
                <c:pt idx="19">
                  <c:v>-13652.2089641988</c:v>
                </c:pt>
                <c:pt idx="20">
                  <c:v>-13525.178946080399</c:v>
                </c:pt>
                <c:pt idx="21">
                  <c:v>-12800.1166389635</c:v>
                </c:pt>
                <c:pt idx="22">
                  <c:v>-12647.904570921601</c:v>
                </c:pt>
                <c:pt idx="23">
                  <c:v>-12647.904570921601</c:v>
                </c:pt>
                <c:pt idx="24">
                  <c:v>-12182.633653023</c:v>
                </c:pt>
                <c:pt idx="25">
                  <c:v>-12002.120129372101</c:v>
                </c:pt>
                <c:pt idx="26">
                  <c:v>-11067.9565872895</c:v>
                </c:pt>
                <c:pt idx="27">
                  <c:v>-11067.9565872895</c:v>
                </c:pt>
                <c:pt idx="28">
                  <c:v>-11067.9565872895</c:v>
                </c:pt>
                <c:pt idx="29">
                  <c:v>-11050.141701222001</c:v>
                </c:pt>
                <c:pt idx="30">
                  <c:v>-10593.4077254853</c:v>
                </c:pt>
                <c:pt idx="31">
                  <c:v>-9574.3430715980503</c:v>
                </c:pt>
                <c:pt idx="32">
                  <c:v>-9566.07933426419</c:v>
                </c:pt>
                <c:pt idx="33">
                  <c:v>-9423.1864455621908</c:v>
                </c:pt>
                <c:pt idx="34">
                  <c:v>-9017.2352621679893</c:v>
                </c:pt>
                <c:pt idx="35">
                  <c:v>-8855.4748333698099</c:v>
                </c:pt>
                <c:pt idx="36">
                  <c:v>-8855.4748333698099</c:v>
                </c:pt>
                <c:pt idx="37">
                  <c:v>-8430.9355118246094</c:v>
                </c:pt>
                <c:pt idx="38">
                  <c:v>-8182.6843858569</c:v>
                </c:pt>
                <c:pt idx="39">
                  <c:v>-8182.6843858569</c:v>
                </c:pt>
                <c:pt idx="40">
                  <c:v>-8105.7557146560703</c:v>
                </c:pt>
                <c:pt idx="41">
                  <c:v>-7944.9715602032802</c:v>
                </c:pt>
                <c:pt idx="42">
                  <c:v>-7807.1522164199696</c:v>
                </c:pt>
                <c:pt idx="43">
                  <c:v>-7658.5611183587098</c:v>
                </c:pt>
                <c:pt idx="44">
                  <c:v>-7494.32784454179</c:v>
                </c:pt>
                <c:pt idx="45">
                  <c:v>-7230.0781260741696</c:v>
                </c:pt>
                <c:pt idx="46">
                  <c:v>-7070.2927559629697</c:v>
                </c:pt>
                <c:pt idx="47">
                  <c:v>-6771.2551908688802</c:v>
                </c:pt>
                <c:pt idx="48">
                  <c:v>-6712.16332178828</c:v>
                </c:pt>
                <c:pt idx="49">
                  <c:v>-6676.1382667804601</c:v>
                </c:pt>
                <c:pt idx="50">
                  <c:v>-6378.0434376471703</c:v>
                </c:pt>
                <c:pt idx="51">
                  <c:v>-6351.3168032600797</c:v>
                </c:pt>
                <c:pt idx="52">
                  <c:v>-6259.9756425607402</c:v>
                </c:pt>
                <c:pt idx="53">
                  <c:v>-6190.2420781168903</c:v>
                </c:pt>
                <c:pt idx="54">
                  <c:v>-6135.2965888602503</c:v>
                </c:pt>
                <c:pt idx="55">
                  <c:v>-6014.3450126666603</c:v>
                </c:pt>
                <c:pt idx="56">
                  <c:v>-5879.6585035590297</c:v>
                </c:pt>
                <c:pt idx="57">
                  <c:v>-5739.9772314064403</c:v>
                </c:pt>
                <c:pt idx="58">
                  <c:v>-5724.0072373782396</c:v>
                </c:pt>
                <c:pt idx="59">
                  <c:v>-5613.17429719542</c:v>
                </c:pt>
                <c:pt idx="60">
                  <c:v>-5613.17429719542</c:v>
                </c:pt>
                <c:pt idx="61">
                  <c:v>-5552.1420131857003</c:v>
                </c:pt>
                <c:pt idx="62">
                  <c:v>-5457.9076787595905</c:v>
                </c:pt>
                <c:pt idx="63">
                  <c:v>-5394.7976065836401</c:v>
                </c:pt>
                <c:pt idx="64">
                  <c:v>-5354.9096971829103</c:v>
                </c:pt>
                <c:pt idx="65">
                  <c:v>-5327.18563273158</c:v>
                </c:pt>
                <c:pt idx="66">
                  <c:v>-5327.18563273158</c:v>
                </c:pt>
                <c:pt idx="67">
                  <c:v>-5327.18563273158</c:v>
                </c:pt>
                <c:pt idx="68">
                  <c:v>-5264.0755605556396</c:v>
                </c:pt>
                <c:pt idx="69">
                  <c:v>-5224.1876511549099</c:v>
                </c:pt>
                <c:pt idx="70">
                  <c:v>-5216.9413828877196</c:v>
                </c:pt>
                <c:pt idx="71">
                  <c:v>-5216.9413828877196</c:v>
                </c:pt>
                <c:pt idx="72">
                  <c:v>-5216.9413828877196</c:v>
                </c:pt>
                <c:pt idx="73">
                  <c:v>-5088.0135071551003</c:v>
                </c:pt>
                <c:pt idx="74">
                  <c:v>-5088.0135071551003</c:v>
                </c:pt>
                <c:pt idx="75">
                  <c:v>-5088.0135071551003</c:v>
                </c:pt>
                <c:pt idx="76">
                  <c:v>-5088.0135071551003</c:v>
                </c:pt>
                <c:pt idx="77">
                  <c:v>-5088.0135071551003</c:v>
                </c:pt>
                <c:pt idx="78">
                  <c:v>-5050.3734797001898</c:v>
                </c:pt>
                <c:pt idx="79">
                  <c:v>-5050.3734797001898</c:v>
                </c:pt>
                <c:pt idx="80">
                  <c:v>-4959.76033974453</c:v>
                </c:pt>
                <c:pt idx="81">
                  <c:v>-4959.76033974453</c:v>
                </c:pt>
                <c:pt idx="82">
                  <c:v>-4959.76033974453</c:v>
                </c:pt>
                <c:pt idx="83">
                  <c:v>-4923.7242246450996</c:v>
                </c:pt>
                <c:pt idx="84">
                  <c:v>-4923.4147066061796</c:v>
                </c:pt>
                <c:pt idx="85">
                  <c:v>-4724.9773167149597</c:v>
                </c:pt>
                <c:pt idx="86">
                  <c:v>-4724.9773167149597</c:v>
                </c:pt>
                <c:pt idx="87">
                  <c:v>-4718.0588889854698</c:v>
                </c:pt>
                <c:pt idx="88">
                  <c:v>-4627.2909438619499</c:v>
                </c:pt>
                <c:pt idx="89">
                  <c:v>-4627.2909438619499</c:v>
                </c:pt>
                <c:pt idx="90">
                  <c:v>-4601.80280334492</c:v>
                </c:pt>
                <c:pt idx="91">
                  <c:v>-4601.80280334492</c:v>
                </c:pt>
                <c:pt idx="92">
                  <c:v>-4594.8843756154201</c:v>
                </c:pt>
                <c:pt idx="93">
                  <c:v>-4594.8843756154201</c:v>
                </c:pt>
                <c:pt idx="94">
                  <c:v>-4594.8843756154201</c:v>
                </c:pt>
                <c:pt idx="95">
                  <c:v>-4586.4162131985804</c:v>
                </c:pt>
                <c:pt idx="96">
                  <c:v>-4586.4162131985804</c:v>
                </c:pt>
                <c:pt idx="97">
                  <c:v>-4505.1175325947397</c:v>
                </c:pt>
                <c:pt idx="98">
                  <c:v>-4505.1175325947397</c:v>
                </c:pt>
                <c:pt idx="99">
                  <c:v>-4505.11753259473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183D-404F-9ECB-E565D384A7F0}"/>
            </c:ext>
          </c:extLst>
        </c:ser>
        <c:ser>
          <c:idx val="1"/>
          <c:order val="1"/>
          <c:tx>
            <c:strRef>
              <c:f>'genetic_easy_0_mutation_inv (2)'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'genetic_easy_0_mutation_inv (2)'!$B$2:$B$101</c:f>
              <c:numCache>
                <c:formatCode>General</c:formatCode>
                <c:ptCount val="100"/>
                <c:pt idx="0">
                  <c:v>-85618.535668991593</c:v>
                </c:pt>
                <c:pt idx="1">
                  <c:v>-79807.144457586197</c:v>
                </c:pt>
                <c:pt idx="2">
                  <c:v>-79881.967830196401</c:v>
                </c:pt>
                <c:pt idx="3">
                  <c:v>-80079.946555695802</c:v>
                </c:pt>
                <c:pt idx="4">
                  <c:v>-74452.321851198198</c:v>
                </c:pt>
                <c:pt idx="5">
                  <c:v>-76243.412199864193</c:v>
                </c:pt>
                <c:pt idx="6">
                  <c:v>-75881.480773540694</c:v>
                </c:pt>
                <c:pt idx="7">
                  <c:v>-74175.2572858567</c:v>
                </c:pt>
                <c:pt idx="8">
                  <c:v>-74131.857534427603</c:v>
                </c:pt>
                <c:pt idx="9">
                  <c:v>-71795.4866882653</c:v>
                </c:pt>
                <c:pt idx="10">
                  <c:v>-68230.939383396704</c:v>
                </c:pt>
                <c:pt idx="11">
                  <c:v>-71328.287008089901</c:v>
                </c:pt>
                <c:pt idx="12">
                  <c:v>-73893.087437613998</c:v>
                </c:pt>
                <c:pt idx="13">
                  <c:v>-64202.648688813999</c:v>
                </c:pt>
                <c:pt idx="14">
                  <c:v>-63441.493945172297</c:v>
                </c:pt>
                <c:pt idx="15">
                  <c:v>-57148.738978627298</c:v>
                </c:pt>
                <c:pt idx="16">
                  <c:v>-60979.180564328002</c:v>
                </c:pt>
                <c:pt idx="17">
                  <c:v>-62677.099868026002</c:v>
                </c:pt>
                <c:pt idx="18">
                  <c:v>-57581.096928143699</c:v>
                </c:pt>
                <c:pt idx="19">
                  <c:v>-57243.225510138902</c:v>
                </c:pt>
                <c:pt idx="20">
                  <c:v>-58201.773225386802</c:v>
                </c:pt>
                <c:pt idx="21">
                  <c:v>-52376.407192221603</c:v>
                </c:pt>
                <c:pt idx="22">
                  <c:v>-57748.272134860199</c:v>
                </c:pt>
                <c:pt idx="23">
                  <c:v>-49471.419338562198</c:v>
                </c:pt>
                <c:pt idx="24">
                  <c:v>-46353.452603721198</c:v>
                </c:pt>
                <c:pt idx="25">
                  <c:v>-46671.318443294498</c:v>
                </c:pt>
                <c:pt idx="26">
                  <c:v>-45146.748542211302</c:v>
                </c:pt>
                <c:pt idx="27">
                  <c:v>-51167.450139852903</c:v>
                </c:pt>
                <c:pt idx="28">
                  <c:v>-57492.040124645799</c:v>
                </c:pt>
                <c:pt idx="29">
                  <c:v>-43208.900525299498</c:v>
                </c:pt>
                <c:pt idx="30">
                  <c:v>-44621.996588181697</c:v>
                </c:pt>
                <c:pt idx="31">
                  <c:v>-41876.861177321902</c:v>
                </c:pt>
                <c:pt idx="32">
                  <c:v>-45533.670062110701</c:v>
                </c:pt>
                <c:pt idx="33">
                  <c:v>-38668.201203431097</c:v>
                </c:pt>
                <c:pt idx="34">
                  <c:v>-38709.935239311701</c:v>
                </c:pt>
                <c:pt idx="35">
                  <c:v>-36268.715309068699</c:v>
                </c:pt>
                <c:pt idx="36">
                  <c:v>-46553.997801548699</c:v>
                </c:pt>
                <c:pt idx="37">
                  <c:v>-45188.0247805779</c:v>
                </c:pt>
                <c:pt idx="38">
                  <c:v>-40930.178478799098</c:v>
                </c:pt>
                <c:pt idx="39">
                  <c:v>-39499.6767882446</c:v>
                </c:pt>
                <c:pt idx="40">
                  <c:v>-37368.773650461699</c:v>
                </c:pt>
                <c:pt idx="41">
                  <c:v>-38488.219064235302</c:v>
                </c:pt>
                <c:pt idx="42">
                  <c:v>-42094.351447263703</c:v>
                </c:pt>
                <c:pt idx="43">
                  <c:v>-39016.167337054001</c:v>
                </c:pt>
                <c:pt idx="44">
                  <c:v>-35684.083173718602</c:v>
                </c:pt>
                <c:pt idx="45">
                  <c:v>-35719.039697775603</c:v>
                </c:pt>
                <c:pt idx="46">
                  <c:v>-35799.116845698001</c:v>
                </c:pt>
                <c:pt idx="47">
                  <c:v>-36579.296147635097</c:v>
                </c:pt>
                <c:pt idx="48">
                  <c:v>-38467.337728975101</c:v>
                </c:pt>
                <c:pt idx="49">
                  <c:v>-31449.7206168255</c:v>
                </c:pt>
                <c:pt idx="50">
                  <c:v>-33460.769422805599</c:v>
                </c:pt>
                <c:pt idx="51">
                  <c:v>-33390.835556056001</c:v>
                </c:pt>
                <c:pt idx="52">
                  <c:v>-37192.319830979999</c:v>
                </c:pt>
                <c:pt idx="53">
                  <c:v>-34325.491998622099</c:v>
                </c:pt>
                <c:pt idx="54">
                  <c:v>-33215.906394012804</c:v>
                </c:pt>
                <c:pt idx="55">
                  <c:v>-30578.412593794499</c:v>
                </c:pt>
                <c:pt idx="56">
                  <c:v>-31839.793373019598</c:v>
                </c:pt>
                <c:pt idx="57">
                  <c:v>-37779.038313696503</c:v>
                </c:pt>
                <c:pt idx="58">
                  <c:v>-33218.808888412597</c:v>
                </c:pt>
                <c:pt idx="59">
                  <c:v>-33175.353696411497</c:v>
                </c:pt>
                <c:pt idx="60">
                  <c:v>-35353.119464547199</c:v>
                </c:pt>
                <c:pt idx="61">
                  <c:v>-31528.872636818902</c:v>
                </c:pt>
                <c:pt idx="62">
                  <c:v>-36535.7100180423</c:v>
                </c:pt>
                <c:pt idx="63">
                  <c:v>-33733.136059811601</c:v>
                </c:pt>
                <c:pt idx="64">
                  <c:v>-35561.808649528801</c:v>
                </c:pt>
                <c:pt idx="65">
                  <c:v>-38124.132005020903</c:v>
                </c:pt>
                <c:pt idx="66">
                  <c:v>-33477.191283025502</c:v>
                </c:pt>
                <c:pt idx="67">
                  <c:v>-35577.532045188796</c:v>
                </c:pt>
                <c:pt idx="68">
                  <c:v>-30601.723151960599</c:v>
                </c:pt>
                <c:pt idx="69">
                  <c:v>-32126.322714489201</c:v>
                </c:pt>
                <c:pt idx="70">
                  <c:v>-36864.131916783997</c:v>
                </c:pt>
                <c:pt idx="71">
                  <c:v>-27772.993408525701</c:v>
                </c:pt>
                <c:pt idx="72">
                  <c:v>-32111.7381527668</c:v>
                </c:pt>
                <c:pt idx="73">
                  <c:v>-28460.137395871399</c:v>
                </c:pt>
                <c:pt idx="74">
                  <c:v>-35176.9726441975</c:v>
                </c:pt>
                <c:pt idx="75">
                  <c:v>-30215.304597420902</c:v>
                </c:pt>
                <c:pt idx="76">
                  <c:v>-37881.879282686001</c:v>
                </c:pt>
                <c:pt idx="77">
                  <c:v>-29046.688419651298</c:v>
                </c:pt>
                <c:pt idx="78">
                  <c:v>-36894.681034002002</c:v>
                </c:pt>
                <c:pt idx="79">
                  <c:v>-28306.228664874099</c:v>
                </c:pt>
                <c:pt idx="80">
                  <c:v>-28235.357271547698</c:v>
                </c:pt>
                <c:pt idx="81">
                  <c:v>-36390.609475767596</c:v>
                </c:pt>
                <c:pt idx="82">
                  <c:v>-29415.815146482499</c:v>
                </c:pt>
                <c:pt idx="83">
                  <c:v>-29017.744152651201</c:v>
                </c:pt>
                <c:pt idx="84">
                  <c:v>-28752.2624981388</c:v>
                </c:pt>
                <c:pt idx="85">
                  <c:v>-27879.088812990201</c:v>
                </c:pt>
                <c:pt idx="86">
                  <c:v>-26533.133718241399</c:v>
                </c:pt>
                <c:pt idx="87">
                  <c:v>-28684.115913761099</c:v>
                </c:pt>
                <c:pt idx="88">
                  <c:v>-24398.262981417702</c:v>
                </c:pt>
                <c:pt idx="89">
                  <c:v>-28485.47361492</c:v>
                </c:pt>
                <c:pt idx="90">
                  <c:v>-26102.7849258688</c:v>
                </c:pt>
                <c:pt idx="91">
                  <c:v>-26102.7849258688</c:v>
                </c:pt>
                <c:pt idx="92">
                  <c:v>-26180.181138480901</c:v>
                </c:pt>
                <c:pt idx="93">
                  <c:v>-28645.660502479801</c:v>
                </c:pt>
                <c:pt idx="94">
                  <c:v>-26998.449082789299</c:v>
                </c:pt>
                <c:pt idx="95">
                  <c:v>-29218.826212470802</c:v>
                </c:pt>
                <c:pt idx="96">
                  <c:v>-27516.5387497019</c:v>
                </c:pt>
                <c:pt idx="97">
                  <c:v>-25664.373702629298</c:v>
                </c:pt>
                <c:pt idx="98">
                  <c:v>-23713.0704628243</c:v>
                </c:pt>
                <c:pt idx="99">
                  <c:v>-26656.541816498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183D-404F-9ECB-E565D384A7F0}"/>
            </c:ext>
          </c:extLst>
        </c:ser>
        <c:ser>
          <c:idx val="2"/>
          <c:order val="2"/>
          <c:tx>
            <c:strRef>
              <c:f>'genetic_easy_0_mutation_inv (2)'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'genetic_easy_0_mutation_inv (2)'!$C$2:$C$101</c:f>
              <c:numCache>
                <c:formatCode>General</c:formatCode>
                <c:ptCount val="100"/>
                <c:pt idx="0">
                  <c:v>-30373.881668707301</c:v>
                </c:pt>
                <c:pt idx="1">
                  <c:v>-25522.1726846946</c:v>
                </c:pt>
                <c:pt idx="2">
                  <c:v>-24585.793711902301</c:v>
                </c:pt>
                <c:pt idx="3">
                  <c:v>-24358.393530771202</c:v>
                </c:pt>
                <c:pt idx="4">
                  <c:v>-23780.185942298001</c:v>
                </c:pt>
                <c:pt idx="5">
                  <c:v>-23684.749589385399</c:v>
                </c:pt>
                <c:pt idx="6">
                  <c:v>-23225.136572068499</c:v>
                </c:pt>
                <c:pt idx="7">
                  <c:v>-22809.312750493398</c:v>
                </c:pt>
                <c:pt idx="8">
                  <c:v>-22302.629043347901</c:v>
                </c:pt>
                <c:pt idx="9">
                  <c:v>-21609.296916086601</c:v>
                </c:pt>
                <c:pt idx="10">
                  <c:v>-20946.447682393999</c:v>
                </c:pt>
                <c:pt idx="11">
                  <c:v>-20428.796583630101</c:v>
                </c:pt>
                <c:pt idx="12">
                  <c:v>-19849.310456671501</c:v>
                </c:pt>
                <c:pt idx="13">
                  <c:v>-19362.6734221357</c:v>
                </c:pt>
                <c:pt idx="14">
                  <c:v>-18771.989322486101</c:v>
                </c:pt>
                <c:pt idx="15">
                  <c:v>-18049.864965791101</c:v>
                </c:pt>
                <c:pt idx="16">
                  <c:v>-17370.416062230801</c:v>
                </c:pt>
                <c:pt idx="17">
                  <c:v>-16780.999678451099</c:v>
                </c:pt>
                <c:pt idx="18">
                  <c:v>-16306.614884619299</c:v>
                </c:pt>
                <c:pt idx="19">
                  <c:v>-15909.595009704601</c:v>
                </c:pt>
                <c:pt idx="20">
                  <c:v>-15489.982920001799</c:v>
                </c:pt>
                <c:pt idx="21">
                  <c:v>-15093.319941093499</c:v>
                </c:pt>
                <c:pt idx="22">
                  <c:v>-14689.9454204671</c:v>
                </c:pt>
                <c:pt idx="23">
                  <c:v>-14339.2130845751</c:v>
                </c:pt>
                <c:pt idx="24">
                  <c:v>-13951.587287911299</c:v>
                </c:pt>
                <c:pt idx="25">
                  <c:v>-13622.677242784801</c:v>
                </c:pt>
                <c:pt idx="26">
                  <c:v>-13117.287748403</c:v>
                </c:pt>
                <c:pt idx="27">
                  <c:v>-12767.838705156901</c:v>
                </c:pt>
                <c:pt idx="28">
                  <c:v>-12445.906644856799</c:v>
                </c:pt>
                <c:pt idx="29">
                  <c:v>-12342.105327663299</c:v>
                </c:pt>
                <c:pt idx="30">
                  <c:v>-12053.797112853899</c:v>
                </c:pt>
                <c:pt idx="31">
                  <c:v>-11647.135901474599</c:v>
                </c:pt>
                <c:pt idx="32">
                  <c:v>-11475.255489000199</c:v>
                </c:pt>
                <c:pt idx="33">
                  <c:v>-11348.479993237201</c:v>
                </c:pt>
                <c:pt idx="34">
                  <c:v>-11025.226878161</c:v>
                </c:pt>
                <c:pt idx="35">
                  <c:v>-10770.9383623003</c:v>
                </c:pt>
                <c:pt idx="36">
                  <c:v>-10646.541891574499</c:v>
                </c:pt>
                <c:pt idx="37">
                  <c:v>-10300.611995851899</c:v>
                </c:pt>
                <c:pt idx="38">
                  <c:v>-10112.350095723001</c:v>
                </c:pt>
                <c:pt idx="39">
                  <c:v>-10037.5431783843</c:v>
                </c:pt>
                <c:pt idx="40">
                  <c:v>-9684.7327699327197</c:v>
                </c:pt>
                <c:pt idx="41">
                  <c:v>-9619.7685690153503</c:v>
                </c:pt>
                <c:pt idx="42">
                  <c:v>-9463.5378350291503</c:v>
                </c:pt>
                <c:pt idx="43">
                  <c:v>-9316.3625757798509</c:v>
                </c:pt>
                <c:pt idx="44">
                  <c:v>-9175.3660797196699</c:v>
                </c:pt>
                <c:pt idx="45">
                  <c:v>-8974.1303866832604</c:v>
                </c:pt>
                <c:pt idx="46">
                  <c:v>-8785.1132401239593</c:v>
                </c:pt>
                <c:pt idx="47">
                  <c:v>-8508.3327562323193</c:v>
                </c:pt>
                <c:pt idx="48">
                  <c:v>-8426.9037131323694</c:v>
                </c:pt>
                <c:pt idx="49">
                  <c:v>-8260.0025367923809</c:v>
                </c:pt>
                <c:pt idx="50">
                  <c:v>-8152.48899163231</c:v>
                </c:pt>
                <c:pt idx="51">
                  <c:v>-7976.7530501745996</c:v>
                </c:pt>
                <c:pt idx="52">
                  <c:v>-7831.6811672923004</c:v>
                </c:pt>
                <c:pt idx="53">
                  <c:v>-7739.3539559010696</c:v>
                </c:pt>
                <c:pt idx="54">
                  <c:v>-7629.8174872892696</c:v>
                </c:pt>
                <c:pt idx="55">
                  <c:v>-7524.8051384033397</c:v>
                </c:pt>
                <c:pt idx="56">
                  <c:v>-7360.3054987776704</c:v>
                </c:pt>
                <c:pt idx="57">
                  <c:v>-7257.4373862692</c:v>
                </c:pt>
                <c:pt idx="58">
                  <c:v>-7202.9330543079304</c:v>
                </c:pt>
                <c:pt idx="59">
                  <c:v>-7090.2823630354696</c:v>
                </c:pt>
                <c:pt idx="60">
                  <c:v>-7045.5470278581897</c:v>
                </c:pt>
                <c:pt idx="61">
                  <c:v>-6929.0133105084697</c:v>
                </c:pt>
                <c:pt idx="62">
                  <c:v>-6815.0604905853297</c:v>
                </c:pt>
                <c:pt idx="63">
                  <c:v>-6757.0057175438196</c:v>
                </c:pt>
                <c:pt idx="64">
                  <c:v>-6607.3846966084002</c:v>
                </c:pt>
                <c:pt idx="65">
                  <c:v>-6582.5621624671103</c:v>
                </c:pt>
                <c:pt idx="66">
                  <c:v>-6493.8077762223502</c:v>
                </c:pt>
                <c:pt idx="67">
                  <c:v>-6376.4345992891704</c:v>
                </c:pt>
                <c:pt idx="68">
                  <c:v>-6309.7785209408103</c:v>
                </c:pt>
                <c:pt idx="69">
                  <c:v>-6267.8297715804401</c:v>
                </c:pt>
                <c:pt idx="70">
                  <c:v>-6206.3242047059803</c:v>
                </c:pt>
                <c:pt idx="71">
                  <c:v>-6095.89126515714</c:v>
                </c:pt>
                <c:pt idx="72">
                  <c:v>-6046.19156776198</c:v>
                </c:pt>
                <c:pt idx="73">
                  <c:v>-5980.9846536462001</c:v>
                </c:pt>
                <c:pt idx="74">
                  <c:v>-5942.3636062965898</c:v>
                </c:pt>
                <c:pt idx="75">
                  <c:v>-5862.1193516016501</c:v>
                </c:pt>
                <c:pt idx="76">
                  <c:v>-5809.7446067235796</c:v>
                </c:pt>
                <c:pt idx="77">
                  <c:v>-5751.9469131236001</c:v>
                </c:pt>
                <c:pt idx="78">
                  <c:v>-5739.15708626588</c:v>
                </c:pt>
                <c:pt idx="79">
                  <c:v>-5681.2677491774202</c:v>
                </c:pt>
                <c:pt idx="80">
                  <c:v>-5638.9497490227404</c:v>
                </c:pt>
                <c:pt idx="81">
                  <c:v>-5602.7191114180396</c:v>
                </c:pt>
                <c:pt idx="82">
                  <c:v>-5558.7406530583403</c:v>
                </c:pt>
                <c:pt idx="83">
                  <c:v>-5518.8201989474701</c:v>
                </c:pt>
                <c:pt idx="84">
                  <c:v>-5455.76898932941</c:v>
                </c:pt>
                <c:pt idx="85">
                  <c:v>-5382.9832189523404</c:v>
                </c:pt>
                <c:pt idx="86">
                  <c:v>-5331.5697060398397</c:v>
                </c:pt>
                <c:pt idx="87">
                  <c:v>-5312.2602493948498</c:v>
                </c:pt>
                <c:pt idx="88">
                  <c:v>-5263.6285295142998</c:v>
                </c:pt>
                <c:pt idx="89">
                  <c:v>-5256.1688440506796</c:v>
                </c:pt>
                <c:pt idx="90">
                  <c:v>-5214.5677289110199</c:v>
                </c:pt>
                <c:pt idx="91">
                  <c:v>-5187.9142934048496</c:v>
                </c:pt>
                <c:pt idx="92">
                  <c:v>-5187.6220644190798</c:v>
                </c:pt>
                <c:pt idx="93">
                  <c:v>-5174.8755974615897</c:v>
                </c:pt>
                <c:pt idx="94">
                  <c:v>-5154.6713778497497</c:v>
                </c:pt>
                <c:pt idx="95">
                  <c:v>-5131.1044664905003</c:v>
                </c:pt>
                <c:pt idx="96">
                  <c:v>-5124.0888667912504</c:v>
                </c:pt>
                <c:pt idx="97">
                  <c:v>-5092.7305219835698</c:v>
                </c:pt>
                <c:pt idx="98">
                  <c:v>-5070.8506021452304</c:v>
                </c:pt>
                <c:pt idx="99">
                  <c:v>-5064.89185283782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183D-404F-9ECB-E565D384A7F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63386112"/>
        <c:axId val="63379872"/>
      </c:lineChart>
      <c:catAx>
        <c:axId val="63386112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79872"/>
        <c:crosses val="autoZero"/>
        <c:auto val="1"/>
        <c:lblAlgn val="ctr"/>
        <c:lblOffset val="100"/>
        <c:noMultiLvlLbl val="0"/>
      </c:catAx>
      <c:valAx>
        <c:axId val="6337987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8611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easy_0_mutation_swap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easy_0_mutation_swap!$A$2:$A$101</c:f>
              <c:numCache>
                <c:formatCode>General</c:formatCode>
                <c:ptCount val="100"/>
                <c:pt idx="0">
                  <c:v>-29024.627595071299</c:v>
                </c:pt>
                <c:pt idx="1">
                  <c:v>-23839.124355041899</c:v>
                </c:pt>
                <c:pt idx="2">
                  <c:v>-24141.966886355702</c:v>
                </c:pt>
                <c:pt idx="3">
                  <c:v>-23984.8542031383</c:v>
                </c:pt>
                <c:pt idx="4">
                  <c:v>-20250.158474325199</c:v>
                </c:pt>
                <c:pt idx="5">
                  <c:v>-20552.369884201202</c:v>
                </c:pt>
                <c:pt idx="6">
                  <c:v>-20552.369884201202</c:v>
                </c:pt>
                <c:pt idx="7">
                  <c:v>-20552.369884201202</c:v>
                </c:pt>
                <c:pt idx="8">
                  <c:v>-20074.7444994572</c:v>
                </c:pt>
                <c:pt idx="9">
                  <c:v>-20277.979764053402</c:v>
                </c:pt>
                <c:pt idx="10">
                  <c:v>-20552.369884201202</c:v>
                </c:pt>
                <c:pt idx="11">
                  <c:v>-20552.369884201202</c:v>
                </c:pt>
                <c:pt idx="12">
                  <c:v>-20287.645404347601</c:v>
                </c:pt>
                <c:pt idx="13">
                  <c:v>-19343.154793373102</c:v>
                </c:pt>
                <c:pt idx="14">
                  <c:v>-19340.616523124401</c:v>
                </c:pt>
                <c:pt idx="15">
                  <c:v>-18806.737610592299</c:v>
                </c:pt>
                <c:pt idx="16">
                  <c:v>-18364.240139469399</c:v>
                </c:pt>
                <c:pt idx="17">
                  <c:v>-17045.264079444802</c:v>
                </c:pt>
                <c:pt idx="18">
                  <c:v>-16968.345713500301</c:v>
                </c:pt>
                <c:pt idx="19">
                  <c:v>-16799.580637514598</c:v>
                </c:pt>
                <c:pt idx="20">
                  <c:v>-15243.2885881127</c:v>
                </c:pt>
                <c:pt idx="21">
                  <c:v>-15611.1195180246</c:v>
                </c:pt>
                <c:pt idx="22">
                  <c:v>-14867.957781863</c:v>
                </c:pt>
                <c:pt idx="23">
                  <c:v>-14640.697114074301</c:v>
                </c:pt>
                <c:pt idx="24">
                  <c:v>-13929.498037937799</c:v>
                </c:pt>
                <c:pt idx="25">
                  <c:v>-14010.594947383899</c:v>
                </c:pt>
                <c:pt idx="26">
                  <c:v>-13411.652730182401</c:v>
                </c:pt>
                <c:pt idx="27">
                  <c:v>-13362.160881579101</c:v>
                </c:pt>
                <c:pt idx="28">
                  <c:v>-12455.8978606747</c:v>
                </c:pt>
                <c:pt idx="29">
                  <c:v>-11418.7015554543</c:v>
                </c:pt>
                <c:pt idx="30">
                  <c:v>-11418.7015554543</c:v>
                </c:pt>
                <c:pt idx="31">
                  <c:v>-12020.6388711975</c:v>
                </c:pt>
                <c:pt idx="32">
                  <c:v>-11040.697738990601</c:v>
                </c:pt>
                <c:pt idx="33">
                  <c:v>-11242.150440764</c:v>
                </c:pt>
                <c:pt idx="34">
                  <c:v>-10742.6064513909</c:v>
                </c:pt>
                <c:pt idx="35">
                  <c:v>-10235.9078282845</c:v>
                </c:pt>
                <c:pt idx="36">
                  <c:v>-9727.7743092166402</c:v>
                </c:pt>
                <c:pt idx="37">
                  <c:v>-9674.7279374718692</c:v>
                </c:pt>
                <c:pt idx="38">
                  <c:v>-9727.7743092166402</c:v>
                </c:pt>
                <c:pt idx="39">
                  <c:v>-9478.1844702523194</c:v>
                </c:pt>
                <c:pt idx="40">
                  <c:v>-9468.5498394752994</c:v>
                </c:pt>
                <c:pt idx="41">
                  <c:v>-9354.8535214845197</c:v>
                </c:pt>
                <c:pt idx="42">
                  <c:v>-9253.19373776262</c:v>
                </c:pt>
                <c:pt idx="43">
                  <c:v>-8733.5036979361503</c:v>
                </c:pt>
                <c:pt idx="44">
                  <c:v>-8926.33646058862</c:v>
                </c:pt>
                <c:pt idx="45">
                  <c:v>-8808.1297605654308</c:v>
                </c:pt>
                <c:pt idx="46">
                  <c:v>-8742.1521061237709</c:v>
                </c:pt>
                <c:pt idx="47">
                  <c:v>-8605.4176543711201</c:v>
                </c:pt>
                <c:pt idx="48">
                  <c:v>-8274.55885403311</c:v>
                </c:pt>
                <c:pt idx="49">
                  <c:v>-8274.55885403311</c:v>
                </c:pt>
                <c:pt idx="50">
                  <c:v>-8023.5679694365999</c:v>
                </c:pt>
                <c:pt idx="51">
                  <c:v>-7944.5688341417399</c:v>
                </c:pt>
                <c:pt idx="52">
                  <c:v>-7813.4669186565297</c:v>
                </c:pt>
                <c:pt idx="53">
                  <c:v>-7790.4507116878403</c:v>
                </c:pt>
                <c:pt idx="54">
                  <c:v>-7648.257904905</c:v>
                </c:pt>
                <c:pt idx="55">
                  <c:v>-7395.3596841988301</c:v>
                </c:pt>
                <c:pt idx="56">
                  <c:v>-7389.49516286175</c:v>
                </c:pt>
                <c:pt idx="57">
                  <c:v>-7348.9257908166901</c:v>
                </c:pt>
                <c:pt idx="58">
                  <c:v>-7280.5748365808704</c:v>
                </c:pt>
                <c:pt idx="59">
                  <c:v>-7278.6686434145404</c:v>
                </c:pt>
                <c:pt idx="60">
                  <c:v>-7219.5079614858996</c:v>
                </c:pt>
                <c:pt idx="61">
                  <c:v>-7143.2461096987499</c:v>
                </c:pt>
                <c:pt idx="62">
                  <c:v>-7009.0445494475798</c:v>
                </c:pt>
                <c:pt idx="63">
                  <c:v>-6991.1387994198703</c:v>
                </c:pt>
                <c:pt idx="64">
                  <c:v>-6892.6375042611699</c:v>
                </c:pt>
                <c:pt idx="65">
                  <c:v>-6849.3018665487198</c:v>
                </c:pt>
                <c:pt idx="66">
                  <c:v>-6757.2149705453703</c:v>
                </c:pt>
                <c:pt idx="67">
                  <c:v>-6753.6529010222703</c:v>
                </c:pt>
                <c:pt idx="68">
                  <c:v>-6753.6529010222703</c:v>
                </c:pt>
                <c:pt idx="69">
                  <c:v>-6753.6529010222703</c:v>
                </c:pt>
                <c:pt idx="70">
                  <c:v>-6753.6529010222703</c:v>
                </c:pt>
                <c:pt idx="71">
                  <c:v>-6753.6529010222703</c:v>
                </c:pt>
                <c:pt idx="72">
                  <c:v>-6753.6529010222703</c:v>
                </c:pt>
                <c:pt idx="73">
                  <c:v>-6753.6529010222703</c:v>
                </c:pt>
                <c:pt idx="74">
                  <c:v>-6753.6529010222703</c:v>
                </c:pt>
                <c:pt idx="75">
                  <c:v>-6753.6529010222703</c:v>
                </c:pt>
                <c:pt idx="76">
                  <c:v>-6753.6529010222703</c:v>
                </c:pt>
                <c:pt idx="77">
                  <c:v>-6753.6529010222703</c:v>
                </c:pt>
                <c:pt idx="78">
                  <c:v>-6753.6529010222703</c:v>
                </c:pt>
                <c:pt idx="79">
                  <c:v>-6753.6529010222703</c:v>
                </c:pt>
                <c:pt idx="80">
                  <c:v>-6753.6529010222703</c:v>
                </c:pt>
                <c:pt idx="81">
                  <c:v>-6753.6529010222703</c:v>
                </c:pt>
                <c:pt idx="82">
                  <c:v>-6753.6529010222703</c:v>
                </c:pt>
                <c:pt idx="83">
                  <c:v>-6753.6529010222703</c:v>
                </c:pt>
                <c:pt idx="84">
                  <c:v>-6753.6529010222703</c:v>
                </c:pt>
                <c:pt idx="85">
                  <c:v>-6753.6529010222703</c:v>
                </c:pt>
                <c:pt idx="86">
                  <c:v>-6725.0589256993198</c:v>
                </c:pt>
                <c:pt idx="87">
                  <c:v>-6725.0589256993198</c:v>
                </c:pt>
                <c:pt idx="88">
                  <c:v>-6725.0589256993198</c:v>
                </c:pt>
                <c:pt idx="89">
                  <c:v>-6725.0589256993198</c:v>
                </c:pt>
                <c:pt idx="90">
                  <c:v>-6725.0589256993198</c:v>
                </c:pt>
                <c:pt idx="91">
                  <c:v>-6725.0589256993198</c:v>
                </c:pt>
                <c:pt idx="92">
                  <c:v>-6536.1451773972503</c:v>
                </c:pt>
                <c:pt idx="93">
                  <c:v>-6536.1451773972503</c:v>
                </c:pt>
                <c:pt idx="94">
                  <c:v>-6536.1451773972503</c:v>
                </c:pt>
                <c:pt idx="95">
                  <c:v>-6536.1451773972503</c:v>
                </c:pt>
                <c:pt idx="96">
                  <c:v>-6536.1451773972503</c:v>
                </c:pt>
                <c:pt idx="97">
                  <c:v>-6536.1451773972503</c:v>
                </c:pt>
                <c:pt idx="98">
                  <c:v>-6536.1451773972503</c:v>
                </c:pt>
                <c:pt idx="99">
                  <c:v>-6536.145177397250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BA2-45F9-ADD2-5A02AE275265}"/>
            </c:ext>
          </c:extLst>
        </c:ser>
        <c:ser>
          <c:idx val="1"/>
          <c:order val="1"/>
          <c:tx>
            <c:strRef>
              <c:f>genetic_easy_0_mutation_swap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easy_0_mutation_swap!$B$2:$B$101</c:f>
              <c:numCache>
                <c:formatCode>General</c:formatCode>
                <c:ptCount val="100"/>
                <c:pt idx="0">
                  <c:v>-89995.841256521497</c:v>
                </c:pt>
                <c:pt idx="1">
                  <c:v>-76780.231438770701</c:v>
                </c:pt>
                <c:pt idx="2">
                  <c:v>-84028.185267680601</c:v>
                </c:pt>
                <c:pt idx="3">
                  <c:v>-76014.823876682101</c:v>
                </c:pt>
                <c:pt idx="4">
                  <c:v>-80265.479024464497</c:v>
                </c:pt>
                <c:pt idx="5">
                  <c:v>-73011.452092839405</c:v>
                </c:pt>
                <c:pt idx="6">
                  <c:v>-74737.435372654698</c:v>
                </c:pt>
                <c:pt idx="7">
                  <c:v>-71882.580796934402</c:v>
                </c:pt>
                <c:pt idx="8">
                  <c:v>-66998.806023527402</c:v>
                </c:pt>
                <c:pt idx="9">
                  <c:v>-68132.351565636694</c:v>
                </c:pt>
                <c:pt idx="10">
                  <c:v>-67936.679966866301</c:v>
                </c:pt>
                <c:pt idx="11">
                  <c:v>-71797.260226195198</c:v>
                </c:pt>
                <c:pt idx="12">
                  <c:v>-67310.311603092894</c:v>
                </c:pt>
                <c:pt idx="13">
                  <c:v>-67540.824831887701</c:v>
                </c:pt>
                <c:pt idx="14">
                  <c:v>-66400.387903708106</c:v>
                </c:pt>
                <c:pt idx="15">
                  <c:v>-66842.462292185402</c:v>
                </c:pt>
                <c:pt idx="16">
                  <c:v>-63805.265431838103</c:v>
                </c:pt>
                <c:pt idx="17">
                  <c:v>-59721.185069372703</c:v>
                </c:pt>
                <c:pt idx="18">
                  <c:v>-65092.644957509503</c:v>
                </c:pt>
                <c:pt idx="19">
                  <c:v>-59870.716655192402</c:v>
                </c:pt>
                <c:pt idx="20">
                  <c:v>-60642.771513574698</c:v>
                </c:pt>
                <c:pt idx="21">
                  <c:v>-50625.301509290497</c:v>
                </c:pt>
                <c:pt idx="22">
                  <c:v>-46540.687874028103</c:v>
                </c:pt>
                <c:pt idx="23">
                  <c:v>-48642.196165072797</c:v>
                </c:pt>
                <c:pt idx="24">
                  <c:v>-46302.313236107599</c:v>
                </c:pt>
                <c:pt idx="25">
                  <c:v>-40873.2183528592</c:v>
                </c:pt>
                <c:pt idx="26">
                  <c:v>-41415.9823013696</c:v>
                </c:pt>
                <c:pt idx="27">
                  <c:v>-39476.242050061497</c:v>
                </c:pt>
                <c:pt idx="28">
                  <c:v>-41584.549467697201</c:v>
                </c:pt>
                <c:pt idx="29">
                  <c:v>-40025.814909899898</c:v>
                </c:pt>
                <c:pt idx="30">
                  <c:v>-34042.659153603599</c:v>
                </c:pt>
                <c:pt idx="31">
                  <c:v>-36638.275983074098</c:v>
                </c:pt>
                <c:pt idx="32">
                  <c:v>-37754.362896938801</c:v>
                </c:pt>
                <c:pt idx="33">
                  <c:v>-36849.947500769304</c:v>
                </c:pt>
                <c:pt idx="34">
                  <c:v>-34569.3834749409</c:v>
                </c:pt>
                <c:pt idx="35">
                  <c:v>-31977.538869384</c:v>
                </c:pt>
                <c:pt idx="36">
                  <c:v>-34086.745799094897</c:v>
                </c:pt>
                <c:pt idx="37">
                  <c:v>-31814.359059409901</c:v>
                </c:pt>
                <c:pt idx="38">
                  <c:v>-29729.169123592899</c:v>
                </c:pt>
                <c:pt idx="39">
                  <c:v>-31466.419406139401</c:v>
                </c:pt>
                <c:pt idx="40">
                  <c:v>-29344.3979301652</c:v>
                </c:pt>
                <c:pt idx="41">
                  <c:v>-35713.766352619401</c:v>
                </c:pt>
                <c:pt idx="42">
                  <c:v>-32240.022039938001</c:v>
                </c:pt>
                <c:pt idx="43">
                  <c:v>-29201.813476545401</c:v>
                </c:pt>
                <c:pt idx="44">
                  <c:v>-22550.5577874831</c:v>
                </c:pt>
                <c:pt idx="45">
                  <c:v>-29014.531496311</c:v>
                </c:pt>
                <c:pt idx="46">
                  <c:v>-28548.624785144199</c:v>
                </c:pt>
                <c:pt idx="47">
                  <c:v>-27618.750357463701</c:v>
                </c:pt>
                <c:pt idx="48">
                  <c:v>-24829.993208706201</c:v>
                </c:pt>
                <c:pt idx="49">
                  <c:v>-30083.959897917401</c:v>
                </c:pt>
                <c:pt idx="50">
                  <c:v>-19936.833295632601</c:v>
                </c:pt>
                <c:pt idx="51">
                  <c:v>-25857.677595919002</c:v>
                </c:pt>
                <c:pt idx="52">
                  <c:v>-29964.764882731699</c:v>
                </c:pt>
                <c:pt idx="53">
                  <c:v>-30848.889566905498</c:v>
                </c:pt>
                <c:pt idx="54">
                  <c:v>-25261.1168820852</c:v>
                </c:pt>
                <c:pt idx="55">
                  <c:v>-28468.940998139798</c:v>
                </c:pt>
                <c:pt idx="56">
                  <c:v>-22878.083753183299</c:v>
                </c:pt>
                <c:pt idx="57">
                  <c:v>-24202.906444526601</c:v>
                </c:pt>
                <c:pt idx="58">
                  <c:v>-31518.510496523599</c:v>
                </c:pt>
                <c:pt idx="59">
                  <c:v>-32164.9803923486</c:v>
                </c:pt>
                <c:pt idx="60">
                  <c:v>-27050.827250184</c:v>
                </c:pt>
                <c:pt idx="61">
                  <c:v>-23125.663391386901</c:v>
                </c:pt>
                <c:pt idx="62">
                  <c:v>-25990.308252094601</c:v>
                </c:pt>
                <c:pt idx="63">
                  <c:v>-31108.246725049001</c:v>
                </c:pt>
                <c:pt idx="64">
                  <c:v>-28468.940998139798</c:v>
                </c:pt>
                <c:pt idx="65">
                  <c:v>-22383.253866203399</c:v>
                </c:pt>
                <c:pt idx="66">
                  <c:v>-28006.800692383698</c:v>
                </c:pt>
                <c:pt idx="67">
                  <c:v>-21632.710008700102</c:v>
                </c:pt>
                <c:pt idx="68">
                  <c:v>-25622.071875272399</c:v>
                </c:pt>
                <c:pt idx="69">
                  <c:v>-21972.821267853698</c:v>
                </c:pt>
                <c:pt idx="70">
                  <c:v>-29570.451555640801</c:v>
                </c:pt>
                <c:pt idx="71">
                  <c:v>-28219.4456551193</c:v>
                </c:pt>
                <c:pt idx="72">
                  <c:v>-20083.130987881901</c:v>
                </c:pt>
                <c:pt idx="73">
                  <c:v>-27644.881624234298</c:v>
                </c:pt>
                <c:pt idx="74">
                  <c:v>-23782.456860878901</c:v>
                </c:pt>
                <c:pt idx="75">
                  <c:v>-18220.241064182101</c:v>
                </c:pt>
                <c:pt idx="76">
                  <c:v>-27904.850089886899</c:v>
                </c:pt>
                <c:pt idx="77">
                  <c:v>-27739.2945772815</c:v>
                </c:pt>
                <c:pt idx="78">
                  <c:v>-22809.069072625301</c:v>
                </c:pt>
                <c:pt idx="79">
                  <c:v>-30507.753366486599</c:v>
                </c:pt>
                <c:pt idx="80">
                  <c:v>-26245.1843678201</c:v>
                </c:pt>
                <c:pt idx="81">
                  <c:v>-19351.3779547671</c:v>
                </c:pt>
                <c:pt idx="82">
                  <c:v>-28450.6825125461</c:v>
                </c:pt>
                <c:pt idx="83">
                  <c:v>-24219.588533676</c:v>
                </c:pt>
                <c:pt idx="84">
                  <c:v>-25630.5309518881</c:v>
                </c:pt>
                <c:pt idx="85">
                  <c:v>-27031.354962697598</c:v>
                </c:pt>
                <c:pt idx="86">
                  <c:v>-20767.737063131201</c:v>
                </c:pt>
                <c:pt idx="87">
                  <c:v>-26565.9616763333</c:v>
                </c:pt>
                <c:pt idx="88">
                  <c:v>-18421.812425041699</c:v>
                </c:pt>
                <c:pt idx="89">
                  <c:v>-26677.356565970498</c:v>
                </c:pt>
                <c:pt idx="90">
                  <c:v>-19329.6081331163</c:v>
                </c:pt>
                <c:pt idx="91">
                  <c:v>-29400.060044805399</c:v>
                </c:pt>
                <c:pt idx="92">
                  <c:v>-26076.041006000101</c:v>
                </c:pt>
                <c:pt idx="93">
                  <c:v>-22997.4808966727</c:v>
                </c:pt>
                <c:pt idx="94">
                  <c:v>-21877.448289270498</c:v>
                </c:pt>
                <c:pt idx="95">
                  <c:v>-21970.1450802982</c:v>
                </c:pt>
                <c:pt idx="96">
                  <c:v>-25415.1044200666</c:v>
                </c:pt>
                <c:pt idx="97">
                  <c:v>-22106.9946656846</c:v>
                </c:pt>
                <c:pt idx="98">
                  <c:v>-21980.0848204953</c:v>
                </c:pt>
                <c:pt idx="99">
                  <c:v>-29767.8076548233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BA2-45F9-ADD2-5A02AE275265}"/>
            </c:ext>
          </c:extLst>
        </c:ser>
        <c:ser>
          <c:idx val="2"/>
          <c:order val="2"/>
          <c:tx>
            <c:strRef>
              <c:f>genetic_easy_0_mutation_swap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easy_0_mutation_swap!$C$2:$C$101</c:f>
              <c:numCache>
                <c:formatCode>General</c:formatCode>
                <c:ptCount val="100"/>
                <c:pt idx="0">
                  <c:v>-30648.9689145958</c:v>
                </c:pt>
                <c:pt idx="1">
                  <c:v>-24544.55359589</c:v>
                </c:pt>
                <c:pt idx="2">
                  <c:v>-24665.460865797198</c:v>
                </c:pt>
                <c:pt idx="3">
                  <c:v>-24464.114705207699</c:v>
                </c:pt>
                <c:pt idx="4">
                  <c:v>-23455.306948553101</c:v>
                </c:pt>
                <c:pt idx="5">
                  <c:v>-23343.3644720597</c:v>
                </c:pt>
                <c:pt idx="6">
                  <c:v>-23104.476434271601</c:v>
                </c:pt>
                <c:pt idx="7">
                  <c:v>-22704.913632496799</c:v>
                </c:pt>
                <c:pt idx="8">
                  <c:v>-22469.911470120001</c:v>
                </c:pt>
                <c:pt idx="9">
                  <c:v>-22062.618363037898</c:v>
                </c:pt>
                <c:pt idx="10">
                  <c:v>-21980.060672737302</c:v>
                </c:pt>
                <c:pt idx="11">
                  <c:v>-21961.205130940099</c:v>
                </c:pt>
                <c:pt idx="12">
                  <c:v>-21351.083365008599</c:v>
                </c:pt>
                <c:pt idx="13">
                  <c:v>-20777.182058906299</c:v>
                </c:pt>
                <c:pt idx="14">
                  <c:v>-20386.936480372198</c:v>
                </c:pt>
                <c:pt idx="15">
                  <c:v>-19861.751938502799</c:v>
                </c:pt>
                <c:pt idx="16">
                  <c:v>-19490.468055196099</c:v>
                </c:pt>
                <c:pt idx="17">
                  <c:v>-18721.801758294601</c:v>
                </c:pt>
                <c:pt idx="18">
                  <c:v>-18461.704903059799</c:v>
                </c:pt>
                <c:pt idx="19">
                  <c:v>-18092.506486595299</c:v>
                </c:pt>
                <c:pt idx="20">
                  <c:v>-17582.8836247941</c:v>
                </c:pt>
                <c:pt idx="21">
                  <c:v>-17117.464106352199</c:v>
                </c:pt>
                <c:pt idx="22">
                  <c:v>-16607.958976520498</c:v>
                </c:pt>
                <c:pt idx="23">
                  <c:v>-15849.268918202401</c:v>
                </c:pt>
                <c:pt idx="24">
                  <c:v>-15607.008185349199</c:v>
                </c:pt>
                <c:pt idx="25">
                  <c:v>-14954.3785056918</c:v>
                </c:pt>
                <c:pt idx="26">
                  <c:v>-14609.159948678</c:v>
                </c:pt>
                <c:pt idx="27">
                  <c:v>-14306.8329604347</c:v>
                </c:pt>
                <c:pt idx="28">
                  <c:v>-13932.6750486402</c:v>
                </c:pt>
                <c:pt idx="29">
                  <c:v>-13453.631685320501</c:v>
                </c:pt>
                <c:pt idx="30">
                  <c:v>-13083.3188185089</c:v>
                </c:pt>
                <c:pt idx="31">
                  <c:v>-12866.3948174773</c:v>
                </c:pt>
                <c:pt idx="32">
                  <c:v>-12587.413311029901</c:v>
                </c:pt>
                <c:pt idx="33">
                  <c:v>-12339.8675001214</c:v>
                </c:pt>
                <c:pt idx="34">
                  <c:v>-11982.420317254</c:v>
                </c:pt>
                <c:pt idx="35">
                  <c:v>-11691.383484391299</c:v>
                </c:pt>
                <c:pt idx="36">
                  <c:v>-11382.775903960601</c:v>
                </c:pt>
                <c:pt idx="37">
                  <c:v>-11321.7009631975</c:v>
                </c:pt>
                <c:pt idx="38">
                  <c:v>-11060.493919963001</c:v>
                </c:pt>
                <c:pt idx="39">
                  <c:v>-10901.781464891101</c:v>
                </c:pt>
                <c:pt idx="40">
                  <c:v>-10719.6026779286</c:v>
                </c:pt>
                <c:pt idx="41">
                  <c:v>-10546.069675548701</c:v>
                </c:pt>
                <c:pt idx="42">
                  <c:v>-10490.167372427701</c:v>
                </c:pt>
                <c:pt idx="43">
                  <c:v>-10320.2477668788</c:v>
                </c:pt>
                <c:pt idx="44">
                  <c:v>-10172.9869144069</c:v>
                </c:pt>
                <c:pt idx="45">
                  <c:v>-10079.337515978201</c:v>
                </c:pt>
                <c:pt idx="46">
                  <c:v>-9970.2790231108702</c:v>
                </c:pt>
                <c:pt idx="47">
                  <c:v>-9858.3361011111101</c:v>
                </c:pt>
                <c:pt idx="48">
                  <c:v>-9678.3350491967794</c:v>
                </c:pt>
                <c:pt idx="49">
                  <c:v>-9605.8411661662594</c:v>
                </c:pt>
                <c:pt idx="50">
                  <c:v>-9443.5545736200602</c:v>
                </c:pt>
                <c:pt idx="51">
                  <c:v>-9346.6889026226509</c:v>
                </c:pt>
                <c:pt idx="52">
                  <c:v>-9236.4732264179402</c:v>
                </c:pt>
                <c:pt idx="53">
                  <c:v>-9156.2911637441903</c:v>
                </c:pt>
                <c:pt idx="54">
                  <c:v>-9067.8056495781093</c:v>
                </c:pt>
                <c:pt idx="55">
                  <c:v>-8950.5339289332405</c:v>
                </c:pt>
                <c:pt idx="56">
                  <c:v>-8878.4672534086203</c:v>
                </c:pt>
                <c:pt idx="57">
                  <c:v>-8845.6317746196892</c:v>
                </c:pt>
                <c:pt idx="58">
                  <c:v>-8771.52109922204</c:v>
                </c:pt>
                <c:pt idx="59">
                  <c:v>-8720.5054667315198</c:v>
                </c:pt>
                <c:pt idx="60">
                  <c:v>-8666.7327175011706</c:v>
                </c:pt>
                <c:pt idx="61">
                  <c:v>-8636.2138299603994</c:v>
                </c:pt>
                <c:pt idx="62">
                  <c:v>-8552.8242109469793</c:v>
                </c:pt>
                <c:pt idx="63">
                  <c:v>-8530.2932363667296</c:v>
                </c:pt>
                <c:pt idx="64">
                  <c:v>-8462.2922468185207</c:v>
                </c:pt>
                <c:pt idx="65">
                  <c:v>-8447.4156898928704</c:v>
                </c:pt>
                <c:pt idx="66">
                  <c:v>-8404.7755355101399</c:v>
                </c:pt>
                <c:pt idx="67">
                  <c:v>-8391.4279292502797</c:v>
                </c:pt>
                <c:pt idx="68">
                  <c:v>-8342.6778122822798</c:v>
                </c:pt>
                <c:pt idx="69">
                  <c:v>-8329.4966479464601</c:v>
                </c:pt>
                <c:pt idx="70">
                  <c:v>-8282.6380844412106</c:v>
                </c:pt>
                <c:pt idx="71">
                  <c:v>-8259.5396650594303</c:v>
                </c:pt>
                <c:pt idx="72">
                  <c:v>-8212.8388825267593</c:v>
                </c:pt>
                <c:pt idx="73">
                  <c:v>-8190.4596294856101</c:v>
                </c:pt>
                <c:pt idx="74">
                  <c:v>-8180.5302283273804</c:v>
                </c:pt>
                <c:pt idx="75">
                  <c:v>-8160.7575523209098</c:v>
                </c:pt>
                <c:pt idx="76">
                  <c:v>-8158.6576747011604</c:v>
                </c:pt>
                <c:pt idx="77">
                  <c:v>-8139.4406528030004</c:v>
                </c:pt>
                <c:pt idx="78">
                  <c:v>-8113.6175029140904</c:v>
                </c:pt>
                <c:pt idx="79">
                  <c:v>-8119.3836298930401</c:v>
                </c:pt>
                <c:pt idx="80">
                  <c:v>-8104.5023213817503</c:v>
                </c:pt>
                <c:pt idx="81">
                  <c:v>-8092.9484810791901</c:v>
                </c:pt>
                <c:pt idx="82">
                  <c:v>-8082.2936820654704</c:v>
                </c:pt>
                <c:pt idx="83">
                  <c:v>-8081.3332039809702</c:v>
                </c:pt>
                <c:pt idx="84">
                  <c:v>-8080.8926597050204</c:v>
                </c:pt>
                <c:pt idx="85">
                  <c:v>-8079.0700758204503</c:v>
                </c:pt>
                <c:pt idx="86">
                  <c:v>-8064.30560710584</c:v>
                </c:pt>
                <c:pt idx="87">
                  <c:v>-8042.0643437343597</c:v>
                </c:pt>
                <c:pt idx="88">
                  <c:v>-8041.1996595033797</c:v>
                </c:pt>
                <c:pt idx="89">
                  <c:v>-8015.6229608418898</c:v>
                </c:pt>
                <c:pt idx="90">
                  <c:v>-7967.1235700903899</c:v>
                </c:pt>
                <c:pt idx="91">
                  <c:v>-7975.7056803358701</c:v>
                </c:pt>
                <c:pt idx="92">
                  <c:v>-7879.5163871141503</c:v>
                </c:pt>
                <c:pt idx="93">
                  <c:v>-7900.31066030088</c:v>
                </c:pt>
                <c:pt idx="94">
                  <c:v>-7889.8287414661099</c:v>
                </c:pt>
                <c:pt idx="95">
                  <c:v>-7866.0055603627698</c:v>
                </c:pt>
                <c:pt idx="96">
                  <c:v>-7836.5883002288001</c:v>
                </c:pt>
                <c:pt idx="97">
                  <c:v>-7842.8451874382499</c:v>
                </c:pt>
                <c:pt idx="98">
                  <c:v>-7829.2945666232599</c:v>
                </c:pt>
                <c:pt idx="99">
                  <c:v>-7829.29456662325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DBA2-45F9-ADD2-5A02AE27526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0111184"/>
        <c:axId val="70102448"/>
      </c:lineChart>
      <c:catAx>
        <c:axId val="70111184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70102448"/>
        <c:crosses val="autoZero"/>
        <c:auto val="1"/>
        <c:lblAlgn val="ctr"/>
        <c:lblOffset val="100"/>
        <c:noMultiLvlLbl val="0"/>
      </c:catAx>
      <c:valAx>
        <c:axId val="701024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7011118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easy_0_mutation_swap_00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easy_0_mutation_swap_00!$A$2:$A$101</c:f>
              <c:numCache>
                <c:formatCode>General</c:formatCode>
                <c:ptCount val="100"/>
                <c:pt idx="0">
                  <c:v>-28957.951922380798</c:v>
                </c:pt>
                <c:pt idx="1">
                  <c:v>-24057.631699363199</c:v>
                </c:pt>
                <c:pt idx="2">
                  <c:v>-22820.017470644099</c:v>
                </c:pt>
                <c:pt idx="3">
                  <c:v>-22805.9724184892</c:v>
                </c:pt>
                <c:pt idx="4">
                  <c:v>-22820.017470644099</c:v>
                </c:pt>
                <c:pt idx="5">
                  <c:v>-22820.017470644099</c:v>
                </c:pt>
                <c:pt idx="6">
                  <c:v>-20383.493802339199</c:v>
                </c:pt>
                <c:pt idx="7">
                  <c:v>-20383.493802339199</c:v>
                </c:pt>
                <c:pt idx="8">
                  <c:v>-20383.493802339199</c:v>
                </c:pt>
                <c:pt idx="9">
                  <c:v>-19621.267129096101</c:v>
                </c:pt>
                <c:pt idx="10">
                  <c:v>-18841.655436427001</c:v>
                </c:pt>
                <c:pt idx="11">
                  <c:v>-17559.402323567701</c:v>
                </c:pt>
                <c:pt idx="12">
                  <c:v>-17559.402323567701</c:v>
                </c:pt>
                <c:pt idx="13">
                  <c:v>-16677.708909052501</c:v>
                </c:pt>
                <c:pt idx="14">
                  <c:v>-16619.353834313199</c:v>
                </c:pt>
                <c:pt idx="15">
                  <c:v>-16151.531055498401</c:v>
                </c:pt>
                <c:pt idx="16">
                  <c:v>-14615.819725514601</c:v>
                </c:pt>
                <c:pt idx="17">
                  <c:v>-14237.413023397599</c:v>
                </c:pt>
                <c:pt idx="18">
                  <c:v>-14615.819725514601</c:v>
                </c:pt>
                <c:pt idx="19">
                  <c:v>-14266.756102555</c:v>
                </c:pt>
                <c:pt idx="20">
                  <c:v>-13974.3272633707</c:v>
                </c:pt>
                <c:pt idx="21">
                  <c:v>-13584.525456170701</c:v>
                </c:pt>
                <c:pt idx="22">
                  <c:v>-12821.6098524094</c:v>
                </c:pt>
                <c:pt idx="23">
                  <c:v>-12821.6098524094</c:v>
                </c:pt>
                <c:pt idx="24">
                  <c:v>-11729.4840337608</c:v>
                </c:pt>
                <c:pt idx="25">
                  <c:v>-11793.2098057359</c:v>
                </c:pt>
                <c:pt idx="26">
                  <c:v>-11149.323001218199</c:v>
                </c:pt>
                <c:pt idx="27">
                  <c:v>-10686.5547351488</c:v>
                </c:pt>
                <c:pt idx="28">
                  <c:v>-10498.0377820992</c:v>
                </c:pt>
                <c:pt idx="29">
                  <c:v>-10029.70793602</c:v>
                </c:pt>
                <c:pt idx="30">
                  <c:v>-10067.563495029501</c:v>
                </c:pt>
                <c:pt idx="31">
                  <c:v>-9905.2198487661008</c:v>
                </c:pt>
                <c:pt idx="32">
                  <c:v>-9395.9238355338694</c:v>
                </c:pt>
                <c:pt idx="33">
                  <c:v>-9205.1560898717307</c:v>
                </c:pt>
                <c:pt idx="34">
                  <c:v>-9019.1608951424205</c:v>
                </c:pt>
                <c:pt idx="35">
                  <c:v>-8726.1983111710997</c:v>
                </c:pt>
                <c:pt idx="36">
                  <c:v>-8726.1983111710997</c:v>
                </c:pt>
                <c:pt idx="37">
                  <c:v>-8607.6234662603692</c:v>
                </c:pt>
                <c:pt idx="38">
                  <c:v>-8186.55013695857</c:v>
                </c:pt>
                <c:pt idx="39">
                  <c:v>-8109.7226565906003</c:v>
                </c:pt>
                <c:pt idx="40">
                  <c:v>-7830.9724319807601</c:v>
                </c:pt>
                <c:pt idx="41">
                  <c:v>-7830.9724319807601</c:v>
                </c:pt>
                <c:pt idx="42">
                  <c:v>-7693.4757012855498</c:v>
                </c:pt>
                <c:pt idx="43">
                  <c:v>-7538.6899663886898</c:v>
                </c:pt>
                <c:pt idx="44">
                  <c:v>-7344.9995893723599</c:v>
                </c:pt>
                <c:pt idx="45">
                  <c:v>-7230.6222781403203</c:v>
                </c:pt>
                <c:pt idx="46">
                  <c:v>-7064.9207912428801</c:v>
                </c:pt>
                <c:pt idx="47">
                  <c:v>-7064.9207912428801</c:v>
                </c:pt>
                <c:pt idx="48">
                  <c:v>-6944.5057896451699</c:v>
                </c:pt>
                <c:pt idx="49">
                  <c:v>-6944.5057896451699</c:v>
                </c:pt>
                <c:pt idx="50">
                  <c:v>-6944.5057896451699</c:v>
                </c:pt>
                <c:pt idx="51">
                  <c:v>-6791.24305751867</c:v>
                </c:pt>
                <c:pt idx="52">
                  <c:v>-6741.4906874380204</c:v>
                </c:pt>
                <c:pt idx="53">
                  <c:v>-6723.8594312304203</c:v>
                </c:pt>
                <c:pt idx="54">
                  <c:v>-6719.6403342965796</c:v>
                </c:pt>
                <c:pt idx="55">
                  <c:v>-6616.3303722540604</c:v>
                </c:pt>
                <c:pt idx="56">
                  <c:v>-6517.30088923934</c:v>
                </c:pt>
                <c:pt idx="57">
                  <c:v>-6463.3294222248496</c:v>
                </c:pt>
                <c:pt idx="58">
                  <c:v>-6463.3294222248496</c:v>
                </c:pt>
                <c:pt idx="59">
                  <c:v>-6330.6498755457496</c:v>
                </c:pt>
                <c:pt idx="60">
                  <c:v>-6330.6498755457496</c:v>
                </c:pt>
                <c:pt idx="61">
                  <c:v>-6330.6498755457496</c:v>
                </c:pt>
                <c:pt idx="62">
                  <c:v>-6255.4199598416699</c:v>
                </c:pt>
                <c:pt idx="63">
                  <c:v>-6237.9089518338396</c:v>
                </c:pt>
                <c:pt idx="64">
                  <c:v>-6255.4199598416699</c:v>
                </c:pt>
                <c:pt idx="65">
                  <c:v>-6255.4199598416699</c:v>
                </c:pt>
                <c:pt idx="66">
                  <c:v>-6120.4260752703403</c:v>
                </c:pt>
                <c:pt idx="67">
                  <c:v>-5933.9796708969998</c:v>
                </c:pt>
                <c:pt idx="68">
                  <c:v>-5933.9796708969998</c:v>
                </c:pt>
                <c:pt idx="69">
                  <c:v>-5933.9796708969998</c:v>
                </c:pt>
                <c:pt idx="70">
                  <c:v>-5815.8410391472098</c:v>
                </c:pt>
                <c:pt idx="71">
                  <c:v>-5774.4152579008096</c:v>
                </c:pt>
                <c:pt idx="72">
                  <c:v>-5734.4047465377498</c:v>
                </c:pt>
                <c:pt idx="73">
                  <c:v>-5734.4047465377498</c:v>
                </c:pt>
                <c:pt idx="74">
                  <c:v>-5713.6621157240497</c:v>
                </c:pt>
                <c:pt idx="75">
                  <c:v>-5713.6621157240497</c:v>
                </c:pt>
                <c:pt idx="76">
                  <c:v>-5713.6621157240497</c:v>
                </c:pt>
                <c:pt idx="77">
                  <c:v>-5713.6621157240497</c:v>
                </c:pt>
                <c:pt idx="78">
                  <c:v>-5713.6621157240497</c:v>
                </c:pt>
                <c:pt idx="79">
                  <c:v>-5713.6621157240497</c:v>
                </c:pt>
                <c:pt idx="80">
                  <c:v>-5713.6621157240497</c:v>
                </c:pt>
                <c:pt idx="81">
                  <c:v>-5713.6621157240497</c:v>
                </c:pt>
                <c:pt idx="82">
                  <c:v>-5713.6621157240497</c:v>
                </c:pt>
                <c:pt idx="83">
                  <c:v>-5713.6621157240497</c:v>
                </c:pt>
                <c:pt idx="84">
                  <c:v>-5713.6621157240497</c:v>
                </c:pt>
                <c:pt idx="85">
                  <c:v>-5713.6621157240497</c:v>
                </c:pt>
                <c:pt idx="86">
                  <c:v>-5705.9446236543099</c:v>
                </c:pt>
                <c:pt idx="87">
                  <c:v>-5705.9446236543099</c:v>
                </c:pt>
                <c:pt idx="88">
                  <c:v>-5705.9446236543099</c:v>
                </c:pt>
                <c:pt idx="89">
                  <c:v>-5664.4859934516198</c:v>
                </c:pt>
                <c:pt idx="90">
                  <c:v>-5664.4859934516198</c:v>
                </c:pt>
                <c:pt idx="91">
                  <c:v>-5651.7723382393697</c:v>
                </c:pt>
                <c:pt idx="92">
                  <c:v>-5651.7723382393697</c:v>
                </c:pt>
                <c:pt idx="93">
                  <c:v>-5651.7723382393697</c:v>
                </c:pt>
                <c:pt idx="94">
                  <c:v>-5647.7359644417002</c:v>
                </c:pt>
                <c:pt idx="95">
                  <c:v>-5647.7359644417002</c:v>
                </c:pt>
                <c:pt idx="96">
                  <c:v>-5647.7359644417002</c:v>
                </c:pt>
                <c:pt idx="97">
                  <c:v>-5647.7359644417002</c:v>
                </c:pt>
                <c:pt idx="98">
                  <c:v>-5334.7358957456499</c:v>
                </c:pt>
                <c:pt idx="99">
                  <c:v>-5634.9902090583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C03-4919-8C87-7385313BE9D3}"/>
            </c:ext>
          </c:extLst>
        </c:ser>
        <c:ser>
          <c:idx val="1"/>
          <c:order val="1"/>
          <c:tx>
            <c:strRef>
              <c:f>genetic_easy_0_mutation_swap_00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easy_0_mutation_swap_00!$B$2:$B$101</c:f>
              <c:numCache>
                <c:formatCode>General</c:formatCode>
                <c:ptCount val="100"/>
                <c:pt idx="0">
                  <c:v>-86642.266499410107</c:v>
                </c:pt>
                <c:pt idx="1">
                  <c:v>-78310.169913552803</c:v>
                </c:pt>
                <c:pt idx="2">
                  <c:v>-79747.861053389395</c:v>
                </c:pt>
                <c:pt idx="3">
                  <c:v>-79409.835408867206</c:v>
                </c:pt>
                <c:pt idx="4">
                  <c:v>-68905.682309207405</c:v>
                </c:pt>
                <c:pt idx="5">
                  <c:v>-75343.969296591196</c:v>
                </c:pt>
                <c:pt idx="6">
                  <c:v>-70065.405826861999</c:v>
                </c:pt>
                <c:pt idx="7">
                  <c:v>-77445.408522822603</c:v>
                </c:pt>
                <c:pt idx="8">
                  <c:v>-72557.058195052596</c:v>
                </c:pt>
                <c:pt idx="9">
                  <c:v>-64508.9342243762</c:v>
                </c:pt>
                <c:pt idx="10">
                  <c:v>-70865.599131726907</c:v>
                </c:pt>
                <c:pt idx="11">
                  <c:v>-66568.232400877794</c:v>
                </c:pt>
                <c:pt idx="12">
                  <c:v>-55159.640497511798</c:v>
                </c:pt>
                <c:pt idx="13">
                  <c:v>-51978.024181119603</c:v>
                </c:pt>
                <c:pt idx="14">
                  <c:v>-59148.004289723402</c:v>
                </c:pt>
                <c:pt idx="15">
                  <c:v>-49957.378651906103</c:v>
                </c:pt>
                <c:pt idx="16">
                  <c:v>-51181.967156060098</c:v>
                </c:pt>
                <c:pt idx="17">
                  <c:v>-48256.235866892297</c:v>
                </c:pt>
                <c:pt idx="18">
                  <c:v>-44495.966320947402</c:v>
                </c:pt>
                <c:pt idx="19">
                  <c:v>-43319.286163168101</c:v>
                </c:pt>
                <c:pt idx="20">
                  <c:v>-38750.796711143099</c:v>
                </c:pt>
                <c:pt idx="21">
                  <c:v>-38354.634212406803</c:v>
                </c:pt>
                <c:pt idx="22">
                  <c:v>-35982.6735706525</c:v>
                </c:pt>
                <c:pt idx="23">
                  <c:v>-37083.487378355399</c:v>
                </c:pt>
                <c:pt idx="24">
                  <c:v>-39311.461811189802</c:v>
                </c:pt>
                <c:pt idx="25">
                  <c:v>-34067.985335118603</c:v>
                </c:pt>
                <c:pt idx="26">
                  <c:v>-35459.983217093701</c:v>
                </c:pt>
                <c:pt idx="27">
                  <c:v>-35345.786074572999</c:v>
                </c:pt>
                <c:pt idx="28">
                  <c:v>-33022.900282809402</c:v>
                </c:pt>
                <c:pt idx="29">
                  <c:v>-31232.748348927002</c:v>
                </c:pt>
                <c:pt idx="30">
                  <c:v>-33868.209153378702</c:v>
                </c:pt>
                <c:pt idx="31">
                  <c:v>-34035.7369919255</c:v>
                </c:pt>
                <c:pt idx="32">
                  <c:v>-34219.463010172403</c:v>
                </c:pt>
                <c:pt idx="33">
                  <c:v>-33926.1935564702</c:v>
                </c:pt>
                <c:pt idx="34">
                  <c:v>-28918.606078002402</c:v>
                </c:pt>
                <c:pt idx="35">
                  <c:v>-29428.9486095012</c:v>
                </c:pt>
                <c:pt idx="36">
                  <c:v>-29622.2140195795</c:v>
                </c:pt>
                <c:pt idx="37">
                  <c:v>-27025.4689381061</c:v>
                </c:pt>
                <c:pt idx="38">
                  <c:v>-33728.771572928701</c:v>
                </c:pt>
                <c:pt idx="39">
                  <c:v>-31717.093177733601</c:v>
                </c:pt>
                <c:pt idx="40">
                  <c:v>-29537.1011654018</c:v>
                </c:pt>
                <c:pt idx="41">
                  <c:v>-31329.7322045531</c:v>
                </c:pt>
                <c:pt idx="42">
                  <c:v>-27732.128734726499</c:v>
                </c:pt>
                <c:pt idx="43">
                  <c:v>-30722.166018002099</c:v>
                </c:pt>
                <c:pt idx="44">
                  <c:v>-28487.291609017098</c:v>
                </c:pt>
                <c:pt idx="45">
                  <c:v>-31260.6017809683</c:v>
                </c:pt>
                <c:pt idx="46">
                  <c:v>-24685.307078956201</c:v>
                </c:pt>
                <c:pt idx="47">
                  <c:v>-23859.6379373284</c:v>
                </c:pt>
                <c:pt idx="48">
                  <c:v>-27295.936801514799</c:v>
                </c:pt>
                <c:pt idx="49">
                  <c:v>-27785.942406116901</c:v>
                </c:pt>
                <c:pt idx="50">
                  <c:v>-27564.228691402201</c:v>
                </c:pt>
                <c:pt idx="51">
                  <c:v>-28572.533174570301</c:v>
                </c:pt>
                <c:pt idx="52">
                  <c:v>-26455.6508632611</c:v>
                </c:pt>
                <c:pt idx="53">
                  <c:v>-27458.682213723201</c:v>
                </c:pt>
                <c:pt idx="54">
                  <c:v>-28485.937496013099</c:v>
                </c:pt>
                <c:pt idx="55">
                  <c:v>-26812.759995336699</c:v>
                </c:pt>
                <c:pt idx="56">
                  <c:v>-26689.449121559599</c:v>
                </c:pt>
                <c:pt idx="57">
                  <c:v>-27839.408151538701</c:v>
                </c:pt>
                <c:pt idx="58">
                  <c:v>-28044.813204525999</c:v>
                </c:pt>
                <c:pt idx="59">
                  <c:v>-29712.217266237902</c:v>
                </c:pt>
                <c:pt idx="60">
                  <c:v>-25054.4222579079</c:v>
                </c:pt>
                <c:pt idx="61">
                  <c:v>-27993.4989887757</c:v>
                </c:pt>
                <c:pt idx="62">
                  <c:v>-27024.605185943201</c:v>
                </c:pt>
                <c:pt idx="63">
                  <c:v>-25633.779930095101</c:v>
                </c:pt>
                <c:pt idx="64">
                  <c:v>-27297.401921537501</c:v>
                </c:pt>
                <c:pt idx="65">
                  <c:v>-26468.943985418598</c:v>
                </c:pt>
                <c:pt idx="66">
                  <c:v>-26639.389038617901</c:v>
                </c:pt>
                <c:pt idx="67">
                  <c:v>-25879.326254323099</c:v>
                </c:pt>
                <c:pt idx="68">
                  <c:v>-26738.119280710602</c:v>
                </c:pt>
                <c:pt idx="69">
                  <c:v>-30376.084954525901</c:v>
                </c:pt>
                <c:pt idx="70">
                  <c:v>-25182.059592625901</c:v>
                </c:pt>
                <c:pt idx="71">
                  <c:v>-25357.408296445301</c:v>
                </c:pt>
                <c:pt idx="72">
                  <c:v>-29340.545539626099</c:v>
                </c:pt>
                <c:pt idx="73">
                  <c:v>-29340.545539626099</c:v>
                </c:pt>
                <c:pt idx="74">
                  <c:v>-25167.670465151299</c:v>
                </c:pt>
                <c:pt idx="75">
                  <c:v>-25783.016243418901</c:v>
                </c:pt>
                <c:pt idx="76">
                  <c:v>-26787.363449763201</c:v>
                </c:pt>
                <c:pt idx="77">
                  <c:v>-26312.0334915124</c:v>
                </c:pt>
                <c:pt idx="78">
                  <c:v>-23254.818254825099</c:v>
                </c:pt>
                <c:pt idx="79">
                  <c:v>-23474.788360490202</c:v>
                </c:pt>
                <c:pt idx="80">
                  <c:v>-27138.688622215399</c:v>
                </c:pt>
                <c:pt idx="81">
                  <c:v>-25293.024833490901</c:v>
                </c:pt>
                <c:pt idx="82">
                  <c:v>-23934.428721444001</c:v>
                </c:pt>
                <c:pt idx="83">
                  <c:v>-29214.077257671899</c:v>
                </c:pt>
                <c:pt idx="84">
                  <c:v>-23210.656697378599</c:v>
                </c:pt>
                <c:pt idx="85">
                  <c:v>-28144.274665190202</c:v>
                </c:pt>
                <c:pt idx="86">
                  <c:v>-26608.972360281099</c:v>
                </c:pt>
                <c:pt idx="87">
                  <c:v>-29717.096660040701</c:v>
                </c:pt>
                <c:pt idx="88">
                  <c:v>-25295.4643695251</c:v>
                </c:pt>
                <c:pt idx="89">
                  <c:v>-27050.521671875798</c:v>
                </c:pt>
                <c:pt idx="90">
                  <c:v>-22742.376035358098</c:v>
                </c:pt>
                <c:pt idx="91">
                  <c:v>-23573.735846560699</c:v>
                </c:pt>
                <c:pt idx="92">
                  <c:v>-23058.800795527099</c:v>
                </c:pt>
                <c:pt idx="93">
                  <c:v>-27224.424420023701</c:v>
                </c:pt>
                <c:pt idx="94">
                  <c:v>-28283.3425896312</c:v>
                </c:pt>
                <c:pt idx="95">
                  <c:v>-22054.4553218201</c:v>
                </c:pt>
                <c:pt idx="96">
                  <c:v>-28022.041259101501</c:v>
                </c:pt>
                <c:pt idx="97">
                  <c:v>-26057.469510511299</c:v>
                </c:pt>
                <c:pt idx="98">
                  <c:v>-27668.220473496502</c:v>
                </c:pt>
                <c:pt idx="99">
                  <c:v>-27523.4131568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C03-4919-8C87-7385313BE9D3}"/>
            </c:ext>
          </c:extLst>
        </c:ser>
        <c:ser>
          <c:idx val="2"/>
          <c:order val="2"/>
          <c:tx>
            <c:strRef>
              <c:f>genetic_easy_0_mutation_swap_00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easy_0_mutation_swap_00!$C$2:$C$101</c:f>
              <c:numCache>
                <c:formatCode>General</c:formatCode>
                <c:ptCount val="100"/>
                <c:pt idx="0">
                  <c:v>-30933.524098607799</c:v>
                </c:pt>
                <c:pt idx="1">
                  <c:v>-26559.059465007002</c:v>
                </c:pt>
                <c:pt idx="2">
                  <c:v>-25308.4149878442</c:v>
                </c:pt>
                <c:pt idx="3">
                  <c:v>-25038.460874616601</c:v>
                </c:pt>
                <c:pt idx="4">
                  <c:v>-24849.296118370399</c:v>
                </c:pt>
                <c:pt idx="5">
                  <c:v>-24192.280380565899</c:v>
                </c:pt>
                <c:pt idx="6">
                  <c:v>-23175.228630169699</c:v>
                </c:pt>
                <c:pt idx="7">
                  <c:v>-22332.787763677799</c:v>
                </c:pt>
                <c:pt idx="8">
                  <c:v>-21730.818671021902</c:v>
                </c:pt>
                <c:pt idx="9">
                  <c:v>-21109.143418237101</c:v>
                </c:pt>
                <c:pt idx="10">
                  <c:v>-20252.403866139299</c:v>
                </c:pt>
                <c:pt idx="11">
                  <c:v>-19274.349667136299</c:v>
                </c:pt>
                <c:pt idx="12">
                  <c:v>-18847.332122285399</c:v>
                </c:pt>
                <c:pt idx="13">
                  <c:v>-18299.231796084499</c:v>
                </c:pt>
                <c:pt idx="14">
                  <c:v>-17709.046112022501</c:v>
                </c:pt>
                <c:pt idx="15">
                  <c:v>-16886.720249973499</c:v>
                </c:pt>
                <c:pt idx="16">
                  <c:v>-16307.477683081301</c:v>
                </c:pt>
                <c:pt idx="17">
                  <c:v>-15981.2777579832</c:v>
                </c:pt>
                <c:pt idx="18">
                  <c:v>-15397.7176873956</c:v>
                </c:pt>
                <c:pt idx="19">
                  <c:v>-15095.924278519</c:v>
                </c:pt>
                <c:pt idx="20">
                  <c:v>-14534.189406415901</c:v>
                </c:pt>
                <c:pt idx="21">
                  <c:v>-14240.2162099542</c:v>
                </c:pt>
                <c:pt idx="22">
                  <c:v>-13599.587847815499</c:v>
                </c:pt>
                <c:pt idx="23">
                  <c:v>-13370.540263782999</c:v>
                </c:pt>
                <c:pt idx="24">
                  <c:v>-12869.9224433609</c:v>
                </c:pt>
                <c:pt idx="25">
                  <c:v>-12489.1871964945</c:v>
                </c:pt>
                <c:pt idx="26">
                  <c:v>-11986.4689784518</c:v>
                </c:pt>
                <c:pt idx="27">
                  <c:v>-11653.7107208292</c:v>
                </c:pt>
                <c:pt idx="28">
                  <c:v>-11428.572611039301</c:v>
                </c:pt>
                <c:pt idx="29">
                  <c:v>-11144.4952611021</c:v>
                </c:pt>
                <c:pt idx="30">
                  <c:v>-10891.2498724417</c:v>
                </c:pt>
                <c:pt idx="31">
                  <c:v>-10690.151946604699</c:v>
                </c:pt>
                <c:pt idx="32">
                  <c:v>-10405.245185448801</c:v>
                </c:pt>
                <c:pt idx="33">
                  <c:v>-10087.649119669701</c:v>
                </c:pt>
                <c:pt idx="34">
                  <c:v>-9795.3797373283305</c:v>
                </c:pt>
                <c:pt idx="35">
                  <c:v>-9535.5176507751803</c:v>
                </c:pt>
                <c:pt idx="36">
                  <c:v>-9396.9632359920797</c:v>
                </c:pt>
                <c:pt idx="37">
                  <c:v>-9169.0614683741296</c:v>
                </c:pt>
                <c:pt idx="38">
                  <c:v>-8968.6962330582701</c:v>
                </c:pt>
                <c:pt idx="39">
                  <c:v>-8823.1047054615592</c:v>
                </c:pt>
                <c:pt idx="40">
                  <c:v>-8652.8018080244692</c:v>
                </c:pt>
                <c:pt idx="41">
                  <c:v>-8507.4916270516205</c:v>
                </c:pt>
                <c:pt idx="42">
                  <c:v>-8329.05534215632</c:v>
                </c:pt>
                <c:pt idx="43">
                  <c:v>-8265.9857543561102</c:v>
                </c:pt>
                <c:pt idx="44">
                  <c:v>-8107.6796449845597</c:v>
                </c:pt>
                <c:pt idx="45">
                  <c:v>-7991.8519409881601</c:v>
                </c:pt>
                <c:pt idx="46">
                  <c:v>-7903.8244173108496</c:v>
                </c:pt>
                <c:pt idx="47">
                  <c:v>-7853.9976755306197</c:v>
                </c:pt>
                <c:pt idx="48">
                  <c:v>-7719.1309538845799</c:v>
                </c:pt>
                <c:pt idx="49">
                  <c:v>-7693.0447674738298</c:v>
                </c:pt>
                <c:pt idx="50">
                  <c:v>-7586.1115732094104</c:v>
                </c:pt>
                <c:pt idx="51">
                  <c:v>-7520.0161119389004</c:v>
                </c:pt>
                <c:pt idx="52">
                  <c:v>-7461.7635218379</c:v>
                </c:pt>
                <c:pt idx="53">
                  <c:v>-7414.5518569104497</c:v>
                </c:pt>
                <c:pt idx="54">
                  <c:v>-7341.8811567571001</c:v>
                </c:pt>
                <c:pt idx="55">
                  <c:v>-7279.6360803347297</c:v>
                </c:pt>
                <c:pt idx="56">
                  <c:v>-7251.8243312431896</c:v>
                </c:pt>
                <c:pt idx="57">
                  <c:v>-7212.2797379992198</c:v>
                </c:pt>
                <c:pt idx="58">
                  <c:v>-7180.4116467716103</c:v>
                </c:pt>
                <c:pt idx="59">
                  <c:v>-7122.2010230181404</c:v>
                </c:pt>
                <c:pt idx="60">
                  <c:v>-7108.2344569938896</c:v>
                </c:pt>
                <c:pt idx="61">
                  <c:v>-7078.0922507532796</c:v>
                </c:pt>
                <c:pt idx="62">
                  <c:v>-7069.3880782915803</c:v>
                </c:pt>
                <c:pt idx="63">
                  <c:v>-7044.0063936225297</c:v>
                </c:pt>
                <c:pt idx="64">
                  <c:v>-7038.3448331503996</c:v>
                </c:pt>
                <c:pt idx="65">
                  <c:v>-7001.8290526638802</c:v>
                </c:pt>
                <c:pt idx="66">
                  <c:v>-6970.9485854658797</c:v>
                </c:pt>
                <c:pt idx="67">
                  <c:v>-6940.3000264983002</c:v>
                </c:pt>
                <c:pt idx="68">
                  <c:v>-6930.0532454230997</c:v>
                </c:pt>
                <c:pt idx="69">
                  <c:v>-6918.6251539750601</c:v>
                </c:pt>
                <c:pt idx="70">
                  <c:v>-6901.4119220320299</c:v>
                </c:pt>
                <c:pt idx="71">
                  <c:v>-6876.7402983941902</c:v>
                </c:pt>
                <c:pt idx="72">
                  <c:v>-6842.2755766049704</c:v>
                </c:pt>
                <c:pt idx="73">
                  <c:v>-6805.1807313704603</c:v>
                </c:pt>
                <c:pt idx="74">
                  <c:v>-6798.5340932416302</c:v>
                </c:pt>
                <c:pt idx="75">
                  <c:v>-6751.8831866310802</c:v>
                </c:pt>
                <c:pt idx="76">
                  <c:v>-6744.77274812624</c:v>
                </c:pt>
                <c:pt idx="77">
                  <c:v>-6728.3645334365901</c:v>
                </c:pt>
                <c:pt idx="78">
                  <c:v>-6717.8493114523799</c:v>
                </c:pt>
                <c:pt idx="79">
                  <c:v>-6685.2298864624099</c:v>
                </c:pt>
                <c:pt idx="80">
                  <c:v>-6681.3624280693102</c:v>
                </c:pt>
                <c:pt idx="81">
                  <c:v>-6670.8031960275002</c:v>
                </c:pt>
                <c:pt idx="82">
                  <c:v>-6619.4039655914103</c:v>
                </c:pt>
                <c:pt idx="83">
                  <c:v>-6602.0420976465002</c:v>
                </c:pt>
                <c:pt idx="84">
                  <c:v>-6584.4076797973603</c:v>
                </c:pt>
                <c:pt idx="85">
                  <c:v>-6588.9891618388201</c:v>
                </c:pt>
                <c:pt idx="86">
                  <c:v>-6587.2968397590903</c:v>
                </c:pt>
                <c:pt idx="87">
                  <c:v>-6562.9161448422401</c:v>
                </c:pt>
                <c:pt idx="88">
                  <c:v>-6523.2024774881602</c:v>
                </c:pt>
                <c:pt idx="89">
                  <c:v>-6514.1568066535101</c:v>
                </c:pt>
                <c:pt idx="90">
                  <c:v>-6512.7055017865596</c:v>
                </c:pt>
                <c:pt idx="91">
                  <c:v>-6497.4503366787203</c:v>
                </c:pt>
                <c:pt idx="92">
                  <c:v>-6491.5559885934799</c:v>
                </c:pt>
                <c:pt idx="93">
                  <c:v>-6477.2253524997004</c:v>
                </c:pt>
                <c:pt idx="94">
                  <c:v>-6469.9372229219198</c:v>
                </c:pt>
                <c:pt idx="95">
                  <c:v>-6465.3195898640997</c:v>
                </c:pt>
                <c:pt idx="96">
                  <c:v>-6449.3381489282101</c:v>
                </c:pt>
                <c:pt idx="97">
                  <c:v>-6426.7434700325202</c:v>
                </c:pt>
                <c:pt idx="98">
                  <c:v>-6392.9820730874999</c:v>
                </c:pt>
                <c:pt idx="99">
                  <c:v>-6419.5071466700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FC03-4919-8C87-7385313BE9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35302816"/>
        <c:axId val="35309888"/>
      </c:lineChart>
      <c:catAx>
        <c:axId val="35302816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35309888"/>
        <c:crosses val="autoZero"/>
        <c:auto val="1"/>
        <c:lblAlgn val="ctr"/>
        <c:lblOffset val="100"/>
        <c:noMultiLvlLbl val="0"/>
      </c:catAx>
      <c:valAx>
        <c:axId val="3530988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3530281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hard_4_5000_100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hard_4_5000_100!$A$2:$A$1001</c:f>
              <c:numCache>
                <c:formatCode>General</c:formatCode>
                <c:ptCount val="1000"/>
                <c:pt idx="0">
                  <c:v>-17357825.185303401</c:v>
                </c:pt>
                <c:pt idx="1">
                  <c:v>-17024445.7271263</c:v>
                </c:pt>
                <c:pt idx="2">
                  <c:v>-16409931.883332601</c:v>
                </c:pt>
                <c:pt idx="3">
                  <c:v>-16151520.0690402</c:v>
                </c:pt>
                <c:pt idx="4">
                  <c:v>-15729139.5982228</c:v>
                </c:pt>
                <c:pt idx="5">
                  <c:v>-15370378.2306925</c:v>
                </c:pt>
                <c:pt idx="6">
                  <c:v>-14851967.625683799</c:v>
                </c:pt>
                <c:pt idx="7">
                  <c:v>-14616448.0911256</c:v>
                </c:pt>
                <c:pt idx="8">
                  <c:v>-14433837.399869001</c:v>
                </c:pt>
                <c:pt idx="9">
                  <c:v>-14163426.4362904</c:v>
                </c:pt>
                <c:pt idx="10">
                  <c:v>-13949186.7249917</c:v>
                </c:pt>
                <c:pt idx="11">
                  <c:v>-13696828.600012699</c:v>
                </c:pt>
                <c:pt idx="12">
                  <c:v>-13422164.881629501</c:v>
                </c:pt>
                <c:pt idx="13">
                  <c:v>-13190339.522181701</c:v>
                </c:pt>
                <c:pt idx="14">
                  <c:v>-13076905.818505701</c:v>
                </c:pt>
                <c:pt idx="15">
                  <c:v>-12970827.9998021</c:v>
                </c:pt>
                <c:pt idx="16">
                  <c:v>-12749478.224834999</c:v>
                </c:pt>
                <c:pt idx="17">
                  <c:v>-12528891.825314</c:v>
                </c:pt>
                <c:pt idx="18">
                  <c:v>-12463201.0451653</c:v>
                </c:pt>
                <c:pt idx="19">
                  <c:v>-12280012.3001197</c:v>
                </c:pt>
                <c:pt idx="20">
                  <c:v>-12089100.157566199</c:v>
                </c:pt>
                <c:pt idx="21">
                  <c:v>-12038942.074460899</c:v>
                </c:pt>
                <c:pt idx="22">
                  <c:v>-11823229.3722302</c:v>
                </c:pt>
                <c:pt idx="23">
                  <c:v>-11635429.6603014</c:v>
                </c:pt>
                <c:pt idx="24">
                  <c:v>-11540869.2027929</c:v>
                </c:pt>
                <c:pt idx="25">
                  <c:v>-11396688.1537918</c:v>
                </c:pt>
                <c:pt idx="26">
                  <c:v>-11165095.3135326</c:v>
                </c:pt>
                <c:pt idx="27">
                  <c:v>-11046072.685857801</c:v>
                </c:pt>
                <c:pt idx="28">
                  <c:v>-10945821.2312376</c:v>
                </c:pt>
                <c:pt idx="29">
                  <c:v>-10813861.589500001</c:v>
                </c:pt>
                <c:pt idx="30">
                  <c:v>-10695136.0957973</c:v>
                </c:pt>
                <c:pt idx="31">
                  <c:v>-10663882.5385921</c:v>
                </c:pt>
                <c:pt idx="32">
                  <c:v>-10524053.401811499</c:v>
                </c:pt>
                <c:pt idx="33">
                  <c:v>-10314860.1754255</c:v>
                </c:pt>
                <c:pt idx="34">
                  <c:v>-10260410.497693799</c:v>
                </c:pt>
                <c:pt idx="35">
                  <c:v>-10204874.395775201</c:v>
                </c:pt>
                <c:pt idx="36">
                  <c:v>-10145560.202922899</c:v>
                </c:pt>
                <c:pt idx="37">
                  <c:v>-10020249.7171808</c:v>
                </c:pt>
                <c:pt idx="38">
                  <c:v>-9930871.8966905307</c:v>
                </c:pt>
                <c:pt idx="39">
                  <c:v>-9825662.8491489999</c:v>
                </c:pt>
                <c:pt idx="40">
                  <c:v>-9711324.6984058097</c:v>
                </c:pt>
                <c:pt idx="41">
                  <c:v>-9593444.0174099207</c:v>
                </c:pt>
                <c:pt idx="42">
                  <c:v>-9462962.7494321391</c:v>
                </c:pt>
                <c:pt idx="43">
                  <c:v>-9381576.8394882195</c:v>
                </c:pt>
                <c:pt idx="44">
                  <c:v>-9215962.7326976191</c:v>
                </c:pt>
                <c:pt idx="45">
                  <c:v>-9108864.8263261598</c:v>
                </c:pt>
                <c:pt idx="46">
                  <c:v>-9002240.6243527606</c:v>
                </c:pt>
                <c:pt idx="47">
                  <c:v>-8946817.5772842206</c:v>
                </c:pt>
                <c:pt idx="48">
                  <c:v>-8831507.7438696306</c:v>
                </c:pt>
                <c:pt idx="49">
                  <c:v>-8768493.1935487203</c:v>
                </c:pt>
                <c:pt idx="50">
                  <c:v>-8654570.0489624795</c:v>
                </c:pt>
                <c:pt idx="51">
                  <c:v>-8594250.9725224506</c:v>
                </c:pt>
                <c:pt idx="52">
                  <c:v>-8566037.5973611102</c:v>
                </c:pt>
                <c:pt idx="53">
                  <c:v>-8436939.4718819205</c:v>
                </c:pt>
                <c:pt idx="54">
                  <c:v>-8346513.3034097003</c:v>
                </c:pt>
                <c:pt idx="55">
                  <c:v>-8270248.88222495</c:v>
                </c:pt>
                <c:pt idx="56">
                  <c:v>-8208061.8652007002</c:v>
                </c:pt>
                <c:pt idx="57">
                  <c:v>-8151585.2753282804</c:v>
                </c:pt>
                <c:pt idx="58">
                  <c:v>-8089078.2002821602</c:v>
                </c:pt>
                <c:pt idx="59">
                  <c:v>-7976090.17333367</c:v>
                </c:pt>
                <c:pt idx="60">
                  <c:v>-7929433.97375408</c:v>
                </c:pt>
                <c:pt idx="61">
                  <c:v>-7854718.0806689998</c:v>
                </c:pt>
                <c:pt idx="62">
                  <c:v>-7799904.0373477396</c:v>
                </c:pt>
                <c:pt idx="63">
                  <c:v>-7710840.5832818504</c:v>
                </c:pt>
                <c:pt idx="64">
                  <c:v>-7642915.2418206204</c:v>
                </c:pt>
                <c:pt idx="65">
                  <c:v>-7580196.3981872397</c:v>
                </c:pt>
                <c:pt idx="66">
                  <c:v>-7532809.1474339897</c:v>
                </c:pt>
                <c:pt idx="67">
                  <c:v>-7485359.9306783704</c:v>
                </c:pt>
                <c:pt idx="68">
                  <c:v>-7436659.8759287996</c:v>
                </c:pt>
                <c:pt idx="69">
                  <c:v>-7366705.0218292596</c:v>
                </c:pt>
                <c:pt idx="70">
                  <c:v>-7313779.4284734298</c:v>
                </c:pt>
                <c:pt idx="71">
                  <c:v>-7195393.3336033104</c:v>
                </c:pt>
                <c:pt idx="72">
                  <c:v>-7152998.77786317</c:v>
                </c:pt>
                <c:pt idx="73">
                  <c:v>-7101735.3998960899</c:v>
                </c:pt>
                <c:pt idx="74">
                  <c:v>-7033054.4850573102</c:v>
                </c:pt>
                <c:pt idx="75">
                  <c:v>-6957782.8185041202</c:v>
                </c:pt>
                <c:pt idx="76">
                  <c:v>-6916512.4829777395</c:v>
                </c:pt>
                <c:pt idx="77">
                  <c:v>-6852966.8182759397</c:v>
                </c:pt>
                <c:pt idx="78">
                  <c:v>-6802753.8560399702</c:v>
                </c:pt>
                <c:pt idx="79">
                  <c:v>-6775370.7400871702</c:v>
                </c:pt>
                <c:pt idx="80">
                  <c:v>-6724104.9497590195</c:v>
                </c:pt>
                <c:pt idx="81">
                  <c:v>-6672998.6258094599</c:v>
                </c:pt>
                <c:pt idx="82">
                  <c:v>-6621853.1309448201</c:v>
                </c:pt>
                <c:pt idx="83">
                  <c:v>-6575561.64310278</c:v>
                </c:pt>
                <c:pt idx="84">
                  <c:v>-6528996.1245423397</c:v>
                </c:pt>
                <c:pt idx="85">
                  <c:v>-6477428.37797968</c:v>
                </c:pt>
                <c:pt idx="86">
                  <c:v>-6432387.90999432</c:v>
                </c:pt>
                <c:pt idx="87">
                  <c:v>-6403566.5714551499</c:v>
                </c:pt>
                <c:pt idx="88">
                  <c:v>-6357381.5664101001</c:v>
                </c:pt>
                <c:pt idx="89">
                  <c:v>-6301366.6800130997</c:v>
                </c:pt>
                <c:pt idx="90">
                  <c:v>-6259199.4151198799</c:v>
                </c:pt>
                <c:pt idx="91">
                  <c:v>-6217588.5404544696</c:v>
                </c:pt>
                <c:pt idx="92">
                  <c:v>-6151444.16983438</c:v>
                </c:pt>
                <c:pt idx="93">
                  <c:v>-6115872.6860831203</c:v>
                </c:pt>
                <c:pt idx="94">
                  <c:v>-6081353.1600796701</c:v>
                </c:pt>
                <c:pt idx="95">
                  <c:v>-6045835.3960560802</c:v>
                </c:pt>
                <c:pt idx="96">
                  <c:v>-6023472.8531655604</c:v>
                </c:pt>
                <c:pt idx="97">
                  <c:v>-5996116.2580795595</c:v>
                </c:pt>
                <c:pt idx="98">
                  <c:v>-5946941.0138602499</c:v>
                </c:pt>
                <c:pt idx="99">
                  <c:v>-5913307.1340404702</c:v>
                </c:pt>
                <c:pt idx="100">
                  <c:v>-5896217.0901012197</c:v>
                </c:pt>
                <c:pt idx="101">
                  <c:v>-5860286.2376749804</c:v>
                </c:pt>
                <c:pt idx="102">
                  <c:v>-5829840.3150781104</c:v>
                </c:pt>
                <c:pt idx="103">
                  <c:v>-5784724.4044774901</c:v>
                </c:pt>
                <c:pt idx="104">
                  <c:v>-5760309.29057898</c:v>
                </c:pt>
                <c:pt idx="105">
                  <c:v>-5693653.8387588803</c:v>
                </c:pt>
                <c:pt idx="106">
                  <c:v>-5646603.5919528697</c:v>
                </c:pt>
                <c:pt idx="107">
                  <c:v>-5604403.0014685299</c:v>
                </c:pt>
                <c:pt idx="108">
                  <c:v>-5558676.5149841998</c:v>
                </c:pt>
                <c:pt idx="109">
                  <c:v>-5536146.1669587698</c:v>
                </c:pt>
                <c:pt idx="110">
                  <c:v>-5471346.5728827696</c:v>
                </c:pt>
                <c:pt idx="111">
                  <c:v>-5471346.5728827696</c:v>
                </c:pt>
                <c:pt idx="112">
                  <c:v>-5432799.9909774996</c:v>
                </c:pt>
                <c:pt idx="113">
                  <c:v>-5402038.19926925</c:v>
                </c:pt>
                <c:pt idx="114">
                  <c:v>-5370526.8618007302</c:v>
                </c:pt>
                <c:pt idx="115">
                  <c:v>-5324967.8574049398</c:v>
                </c:pt>
                <c:pt idx="116">
                  <c:v>-5311051.3618048802</c:v>
                </c:pt>
                <c:pt idx="117">
                  <c:v>-5282691.3843440004</c:v>
                </c:pt>
                <c:pt idx="118">
                  <c:v>-5230680.3795792097</c:v>
                </c:pt>
                <c:pt idx="119">
                  <c:v>-5202641.5197632303</c:v>
                </c:pt>
                <c:pt idx="120">
                  <c:v>-5182286.0704491297</c:v>
                </c:pt>
                <c:pt idx="121">
                  <c:v>-5171584.7031487096</c:v>
                </c:pt>
                <c:pt idx="122">
                  <c:v>-5128995.7926938897</c:v>
                </c:pt>
                <c:pt idx="123">
                  <c:v>-5104324.7091157902</c:v>
                </c:pt>
                <c:pt idx="124">
                  <c:v>-5086523.2784032105</c:v>
                </c:pt>
                <c:pt idx="125">
                  <c:v>-5037541.2357583297</c:v>
                </c:pt>
                <c:pt idx="126">
                  <c:v>-4998174.0011133198</c:v>
                </c:pt>
                <c:pt idx="127">
                  <c:v>-4960089.69426555</c:v>
                </c:pt>
                <c:pt idx="128">
                  <c:v>-4895152.5288628498</c:v>
                </c:pt>
                <c:pt idx="129">
                  <c:v>-4885351.1571283899</c:v>
                </c:pt>
                <c:pt idx="130">
                  <c:v>-4843470.5401255405</c:v>
                </c:pt>
                <c:pt idx="131">
                  <c:v>-4815152.4700012002</c:v>
                </c:pt>
                <c:pt idx="132">
                  <c:v>-4785519.7147346903</c:v>
                </c:pt>
                <c:pt idx="133">
                  <c:v>-4772081.55306793</c:v>
                </c:pt>
                <c:pt idx="134">
                  <c:v>-4749009.8021112802</c:v>
                </c:pt>
                <c:pt idx="135">
                  <c:v>-4728471.0386295803</c:v>
                </c:pt>
                <c:pt idx="136">
                  <c:v>-4699692.8643579604</c:v>
                </c:pt>
                <c:pt idx="137">
                  <c:v>-4676279.5456967801</c:v>
                </c:pt>
                <c:pt idx="138">
                  <c:v>-4657025.2529609902</c:v>
                </c:pt>
                <c:pt idx="139">
                  <c:v>-4631443.0311622499</c:v>
                </c:pt>
                <c:pt idx="140">
                  <c:v>-4577506.9425742701</c:v>
                </c:pt>
                <c:pt idx="141">
                  <c:v>-4550799.1844664998</c:v>
                </c:pt>
                <c:pt idx="142">
                  <c:v>-4520878.4833292495</c:v>
                </c:pt>
                <c:pt idx="143">
                  <c:v>-4507626.4607062899</c:v>
                </c:pt>
                <c:pt idx="144">
                  <c:v>-4465791.9330482399</c:v>
                </c:pt>
                <c:pt idx="145">
                  <c:v>-4455833.2431607898</c:v>
                </c:pt>
                <c:pt idx="146">
                  <c:v>-4414690.2022681702</c:v>
                </c:pt>
                <c:pt idx="147">
                  <c:v>-4388872.5742050298</c:v>
                </c:pt>
                <c:pt idx="148">
                  <c:v>-4361453.7187058199</c:v>
                </c:pt>
                <c:pt idx="149">
                  <c:v>-4313212.1690638298</c:v>
                </c:pt>
                <c:pt idx="150">
                  <c:v>-4291630.1639197096</c:v>
                </c:pt>
                <c:pt idx="151">
                  <c:v>-4270001.0452086404</c:v>
                </c:pt>
                <c:pt idx="152">
                  <c:v>-4255760.3676808104</c:v>
                </c:pt>
                <c:pt idx="153">
                  <c:v>-4226964.2913224697</c:v>
                </c:pt>
                <c:pt idx="154">
                  <c:v>-4207325.6248319196</c:v>
                </c:pt>
                <c:pt idx="155">
                  <c:v>-4180643.0238466701</c:v>
                </c:pt>
                <c:pt idx="156">
                  <c:v>-4154468.4201700902</c:v>
                </c:pt>
                <c:pt idx="157">
                  <c:v>-4118875.0730747599</c:v>
                </c:pt>
                <c:pt idx="158">
                  <c:v>-4104759.41605407</c:v>
                </c:pt>
                <c:pt idx="159">
                  <c:v>-4059336.31587708</c:v>
                </c:pt>
                <c:pt idx="160">
                  <c:v>-4031770.6781507102</c:v>
                </c:pt>
                <c:pt idx="161">
                  <c:v>-4000958.01285211</c:v>
                </c:pt>
                <c:pt idx="162">
                  <c:v>-3977561.2998080798</c:v>
                </c:pt>
                <c:pt idx="163">
                  <c:v>-3956683.5325118802</c:v>
                </c:pt>
                <c:pt idx="164">
                  <c:v>-3941345.0545814801</c:v>
                </c:pt>
                <c:pt idx="165">
                  <c:v>-3916326.7519549299</c:v>
                </c:pt>
                <c:pt idx="166">
                  <c:v>-3900988.2740245298</c:v>
                </c:pt>
                <c:pt idx="167">
                  <c:v>-3850303.6132448199</c:v>
                </c:pt>
                <c:pt idx="168">
                  <c:v>-3824618.8829912799</c:v>
                </c:pt>
                <c:pt idx="169">
                  <c:v>-3824618.8829912799</c:v>
                </c:pt>
                <c:pt idx="170">
                  <c:v>-3807176.5369834402</c:v>
                </c:pt>
                <c:pt idx="171">
                  <c:v>-3771884.0066337702</c:v>
                </c:pt>
                <c:pt idx="172">
                  <c:v>-3765869.8846639302</c:v>
                </c:pt>
                <c:pt idx="173">
                  <c:v>-3736611.01849226</c:v>
                </c:pt>
                <c:pt idx="174">
                  <c:v>-3723098.2103146398</c:v>
                </c:pt>
                <c:pt idx="175">
                  <c:v>-3709448.9308520099</c:v>
                </c:pt>
                <c:pt idx="176">
                  <c:v>-3700916.5930643301</c:v>
                </c:pt>
                <c:pt idx="177">
                  <c:v>-3688973.9344651299</c:v>
                </c:pt>
                <c:pt idx="178">
                  <c:v>-3670120.3188505298</c:v>
                </c:pt>
                <c:pt idx="179">
                  <c:v>-3656678.4887718102</c:v>
                </c:pt>
                <c:pt idx="180">
                  <c:v>-3643119.8327756599</c:v>
                </c:pt>
                <c:pt idx="181">
                  <c:v>-3620152.68885855</c:v>
                </c:pt>
                <c:pt idx="182">
                  <c:v>-3606594.0328624002</c:v>
                </c:pt>
                <c:pt idx="183">
                  <c:v>-3588063.3774019801</c:v>
                </c:pt>
                <c:pt idx="184">
                  <c:v>-3573625.5280341501</c:v>
                </c:pt>
                <c:pt idx="185">
                  <c:v>-3549953.8391519999</c:v>
                </c:pt>
                <c:pt idx="186">
                  <c:v>-3543447.54968346</c:v>
                </c:pt>
                <c:pt idx="187">
                  <c:v>-3513090.12190898</c:v>
                </c:pt>
                <c:pt idx="188">
                  <c:v>-3507338.3280910202</c:v>
                </c:pt>
                <c:pt idx="189">
                  <c:v>-3476410.9112416902</c:v>
                </c:pt>
                <c:pt idx="190">
                  <c:v>-3448493.21113022</c:v>
                </c:pt>
                <c:pt idx="191">
                  <c:v>-3431804.0440609902</c:v>
                </c:pt>
                <c:pt idx="192">
                  <c:v>-3419057.5424943599</c:v>
                </c:pt>
                <c:pt idx="193">
                  <c:v>-3403878.1213447601</c:v>
                </c:pt>
                <c:pt idx="194">
                  <c:v>-3378464.0656875502</c:v>
                </c:pt>
                <c:pt idx="195">
                  <c:v>-3351074.1975042899</c:v>
                </c:pt>
                <c:pt idx="196">
                  <c:v>-3329640.8982276102</c:v>
                </c:pt>
                <c:pt idx="197">
                  <c:v>-3315141.0545582799</c:v>
                </c:pt>
                <c:pt idx="198">
                  <c:v>-3302589.3063592799</c:v>
                </c:pt>
                <c:pt idx="199">
                  <c:v>-3285716.3269405998</c:v>
                </c:pt>
                <c:pt idx="200">
                  <c:v>-3277705.1205811598</c:v>
                </c:pt>
                <c:pt idx="201">
                  <c:v>-3265396.3509664298</c:v>
                </c:pt>
                <c:pt idx="202">
                  <c:v>-3247359.9583978401</c:v>
                </c:pt>
                <c:pt idx="203">
                  <c:v>-3236037.1254527098</c:v>
                </c:pt>
                <c:pt idx="204">
                  <c:v>-3223479.7328175502</c:v>
                </c:pt>
                <c:pt idx="205">
                  <c:v>-3211321.5051415199</c:v>
                </c:pt>
                <c:pt idx="206">
                  <c:v>-3197439.1375056002</c:v>
                </c:pt>
                <c:pt idx="207">
                  <c:v>-3181315.7121830499</c:v>
                </c:pt>
                <c:pt idx="208">
                  <c:v>-3166703.9761935598</c:v>
                </c:pt>
                <c:pt idx="209">
                  <c:v>-3147841.8537461399</c:v>
                </c:pt>
                <c:pt idx="210">
                  <c:v>-3135215.3979737</c:v>
                </c:pt>
                <c:pt idx="211">
                  <c:v>-3132180.2964195702</c:v>
                </c:pt>
                <c:pt idx="212">
                  <c:v>-3118055.1955282502</c:v>
                </c:pt>
                <c:pt idx="213">
                  <c:v>-3108510.0035565002</c:v>
                </c:pt>
                <c:pt idx="214">
                  <c:v>-3100813.7642085799</c:v>
                </c:pt>
                <c:pt idx="215">
                  <c:v>-3084333.8908595</c:v>
                </c:pt>
                <c:pt idx="216">
                  <c:v>-3068849.3379145302</c:v>
                </c:pt>
                <c:pt idx="217">
                  <c:v>-3052980.9933316498</c:v>
                </c:pt>
                <c:pt idx="218">
                  <c:v>-3041727.5305185402</c:v>
                </c:pt>
                <c:pt idx="219">
                  <c:v>-3024425.1683348701</c:v>
                </c:pt>
                <c:pt idx="220">
                  <c:v>-3012950.2967256801</c:v>
                </c:pt>
                <c:pt idx="221">
                  <c:v>-2994511.3533519302</c:v>
                </c:pt>
                <c:pt idx="222">
                  <c:v>-2979228.40248384</c:v>
                </c:pt>
                <c:pt idx="223">
                  <c:v>-2968199.0569344298</c:v>
                </c:pt>
                <c:pt idx="224">
                  <c:v>-2955861.1908324501</c:v>
                </c:pt>
                <c:pt idx="225">
                  <c:v>-2941494.7495329902</c:v>
                </c:pt>
                <c:pt idx="226">
                  <c:v>-2931524.3171075098</c:v>
                </c:pt>
                <c:pt idx="227">
                  <c:v>-2923701.3498525498</c:v>
                </c:pt>
                <c:pt idx="228">
                  <c:v>-2911274.3460399001</c:v>
                </c:pt>
                <c:pt idx="229">
                  <c:v>-2901801.5211944501</c:v>
                </c:pt>
                <c:pt idx="230">
                  <c:v>-2886088.20118903</c:v>
                </c:pt>
                <c:pt idx="231">
                  <c:v>-2875540.892949</c:v>
                </c:pt>
                <c:pt idx="232">
                  <c:v>-2872581.63961482</c:v>
                </c:pt>
                <c:pt idx="233">
                  <c:v>-2859904.32183993</c:v>
                </c:pt>
                <c:pt idx="234">
                  <c:v>-2850658.82814191</c:v>
                </c:pt>
                <c:pt idx="235">
                  <c:v>-2842398.83402008</c:v>
                </c:pt>
                <c:pt idx="236">
                  <c:v>-2837130.6622787099</c:v>
                </c:pt>
                <c:pt idx="237">
                  <c:v>-2824561.7416882399</c:v>
                </c:pt>
                <c:pt idx="238">
                  <c:v>-2821712.3598963302</c:v>
                </c:pt>
                <c:pt idx="239">
                  <c:v>-2812362.4282002999</c:v>
                </c:pt>
                <c:pt idx="240">
                  <c:v>-2806890.7574306098</c:v>
                </c:pt>
                <c:pt idx="241">
                  <c:v>-2797041.9619785701</c:v>
                </c:pt>
                <c:pt idx="242">
                  <c:v>-2786789.0071403999</c:v>
                </c:pt>
                <c:pt idx="243">
                  <c:v>-2782342.4021024699</c:v>
                </c:pt>
                <c:pt idx="244">
                  <c:v>-2763968.4989589201</c:v>
                </c:pt>
                <c:pt idx="245">
                  <c:v>-2754714.2033360298</c:v>
                </c:pt>
                <c:pt idx="246">
                  <c:v>-2743847.66672371</c:v>
                </c:pt>
                <c:pt idx="247">
                  <c:v>-2737531.7739859899</c:v>
                </c:pt>
                <c:pt idx="248">
                  <c:v>-2707772.1757958201</c:v>
                </c:pt>
                <c:pt idx="249">
                  <c:v>-2700274.1523077399</c:v>
                </c:pt>
                <c:pt idx="250">
                  <c:v>-2684581.3337217998</c:v>
                </c:pt>
                <c:pt idx="251">
                  <c:v>-2678950.05491478</c:v>
                </c:pt>
                <c:pt idx="252">
                  <c:v>-2670987.6140332199</c:v>
                </c:pt>
                <c:pt idx="253">
                  <c:v>-2656441.3625139399</c:v>
                </c:pt>
                <c:pt idx="254">
                  <c:v>-2656441.3625139399</c:v>
                </c:pt>
                <c:pt idx="255">
                  <c:v>-2645809.2523440798</c:v>
                </c:pt>
                <c:pt idx="256">
                  <c:v>-2637833.1356455898</c:v>
                </c:pt>
                <c:pt idx="257">
                  <c:v>-2624977.6072860602</c:v>
                </c:pt>
                <c:pt idx="258">
                  <c:v>-2618274.0880864402</c:v>
                </c:pt>
                <c:pt idx="259">
                  <c:v>-2611840.0632489002</c:v>
                </c:pt>
                <c:pt idx="260">
                  <c:v>-2601974.8348435699</c:v>
                </c:pt>
                <c:pt idx="261">
                  <c:v>-2597245.3818845502</c:v>
                </c:pt>
                <c:pt idx="262">
                  <c:v>-2585822.8349724598</c:v>
                </c:pt>
                <c:pt idx="263">
                  <c:v>-2578848.18149924</c:v>
                </c:pt>
                <c:pt idx="264">
                  <c:v>-2559268.5930997599</c:v>
                </c:pt>
                <c:pt idx="265">
                  <c:v>-2550736.6211197898</c:v>
                </c:pt>
                <c:pt idx="266">
                  <c:v>-2536951.0487503302</c:v>
                </c:pt>
                <c:pt idx="267">
                  <c:v>-2527810.37369612</c:v>
                </c:pt>
                <c:pt idx="268">
                  <c:v>-2518914.0399568002</c:v>
                </c:pt>
                <c:pt idx="269">
                  <c:v>-2508885.3042081101</c:v>
                </c:pt>
                <c:pt idx="270">
                  <c:v>-2497914.4893329898</c:v>
                </c:pt>
                <c:pt idx="271">
                  <c:v>-2481893.43854653</c:v>
                </c:pt>
                <c:pt idx="272">
                  <c:v>-2471679.3218042199</c:v>
                </c:pt>
                <c:pt idx="273">
                  <c:v>-2458009.25300714</c:v>
                </c:pt>
                <c:pt idx="274">
                  <c:v>-2446160.6118435902</c:v>
                </c:pt>
                <c:pt idx="275">
                  <c:v>-2440175.0442534499</c:v>
                </c:pt>
                <c:pt idx="276">
                  <c:v>-2432911.2593289101</c:v>
                </c:pt>
                <c:pt idx="277">
                  <c:v>-2426391.8655701298</c:v>
                </c:pt>
                <c:pt idx="278">
                  <c:v>-2419614.4393315702</c:v>
                </c:pt>
                <c:pt idx="279">
                  <c:v>-2414201.56887508</c:v>
                </c:pt>
                <c:pt idx="280">
                  <c:v>-2406237.2910943399</c:v>
                </c:pt>
                <c:pt idx="281">
                  <c:v>-2397044.8459271002</c:v>
                </c:pt>
                <c:pt idx="282">
                  <c:v>-2390935.6315963999</c:v>
                </c:pt>
                <c:pt idx="283">
                  <c:v>-2385448.4490401</c:v>
                </c:pt>
                <c:pt idx="284">
                  <c:v>-2378281.0608058302</c:v>
                </c:pt>
                <c:pt idx="285">
                  <c:v>-2363794.3198140999</c:v>
                </c:pt>
                <c:pt idx="286">
                  <c:v>-2359054.9309297102</c:v>
                </c:pt>
                <c:pt idx="287">
                  <c:v>-2350336.7428513202</c:v>
                </c:pt>
                <c:pt idx="288">
                  <c:v>-2344725.0559152798</c:v>
                </c:pt>
                <c:pt idx="289">
                  <c:v>-2339684.63147326</c:v>
                </c:pt>
                <c:pt idx="290">
                  <c:v>-2332337.6791032101</c:v>
                </c:pt>
                <c:pt idx="291">
                  <c:v>-2327297.2546612001</c:v>
                </c:pt>
                <c:pt idx="292">
                  <c:v>-2324267.5532605001</c:v>
                </c:pt>
                <c:pt idx="293">
                  <c:v>-2314818.6592510599</c:v>
                </c:pt>
                <c:pt idx="294">
                  <c:v>-2307618.3627744298</c:v>
                </c:pt>
                <c:pt idx="295">
                  <c:v>-2292201.9063572502</c:v>
                </c:pt>
                <c:pt idx="296">
                  <c:v>-2285259.4661556701</c:v>
                </c:pt>
                <c:pt idx="297">
                  <c:v>-2279365.98984598</c:v>
                </c:pt>
                <c:pt idx="298">
                  <c:v>-2264716.6585293598</c:v>
                </c:pt>
                <c:pt idx="299">
                  <c:v>-2252837.1462627398</c:v>
                </c:pt>
                <c:pt idx="300">
                  <c:v>-2243359.07398629</c:v>
                </c:pt>
                <c:pt idx="301">
                  <c:v>-2234676.2216716702</c:v>
                </c:pt>
                <c:pt idx="302">
                  <c:v>-2231310.7578987498</c:v>
                </c:pt>
                <c:pt idx="303">
                  <c:v>-2230407.50299722</c:v>
                </c:pt>
                <c:pt idx="304">
                  <c:v>-2223467.2752312901</c:v>
                </c:pt>
                <c:pt idx="305">
                  <c:v>-2222263.8222967698</c:v>
                </c:pt>
                <c:pt idx="306">
                  <c:v>-2214862.7738042702</c:v>
                </c:pt>
                <c:pt idx="307">
                  <c:v>-2205014.0409810902</c:v>
                </c:pt>
                <c:pt idx="308">
                  <c:v>-2198699.4263396398</c:v>
                </c:pt>
                <c:pt idx="309">
                  <c:v>-2191978.9538885299</c:v>
                </c:pt>
                <c:pt idx="310">
                  <c:v>-2185401.4202741799</c:v>
                </c:pt>
                <c:pt idx="311">
                  <c:v>-2176436.8685425199</c:v>
                </c:pt>
                <c:pt idx="312">
                  <c:v>-2172980.2720692698</c:v>
                </c:pt>
                <c:pt idx="313">
                  <c:v>-2163005.4850615198</c:v>
                </c:pt>
                <c:pt idx="314">
                  <c:v>-2157614.5898808301</c:v>
                </c:pt>
                <c:pt idx="315">
                  <c:v>-2152433.1622705101</c:v>
                </c:pt>
                <c:pt idx="316">
                  <c:v>-2142408.5140106501</c:v>
                </c:pt>
                <c:pt idx="317">
                  <c:v>-2140885.8762436602</c:v>
                </c:pt>
                <c:pt idx="318">
                  <c:v>-2133774.1575454501</c:v>
                </c:pt>
                <c:pt idx="319">
                  <c:v>-2130066.2470107302</c:v>
                </c:pt>
                <c:pt idx="320">
                  <c:v>-2119987.5606116001</c:v>
                </c:pt>
                <c:pt idx="321">
                  <c:v>-2117440.8621537099</c:v>
                </c:pt>
                <c:pt idx="322">
                  <c:v>-2110494.0078502102</c:v>
                </c:pt>
                <c:pt idx="323">
                  <c:v>-2107698.90682525</c:v>
                </c:pt>
                <c:pt idx="324">
                  <c:v>-2101768.8044678201</c:v>
                </c:pt>
                <c:pt idx="325">
                  <c:v>-2083316.5442461099</c:v>
                </c:pt>
                <c:pt idx="326">
                  <c:v>-2083316.5442461099</c:v>
                </c:pt>
                <c:pt idx="327">
                  <c:v>-2076380.4708962201</c:v>
                </c:pt>
                <c:pt idx="328">
                  <c:v>-2071976.5183881701</c:v>
                </c:pt>
                <c:pt idx="329">
                  <c:v>-2059705.72180383</c:v>
                </c:pt>
                <c:pt idx="330">
                  <c:v>-2050353.4380551199</c:v>
                </c:pt>
                <c:pt idx="331">
                  <c:v>-2048626.8092344201</c:v>
                </c:pt>
                <c:pt idx="332">
                  <c:v>-2042780.0736807</c:v>
                </c:pt>
                <c:pt idx="333">
                  <c:v>-2038526.7975067601</c:v>
                </c:pt>
                <c:pt idx="334">
                  <c:v>-2034423.4628161499</c:v>
                </c:pt>
                <c:pt idx="335">
                  <c:v>-2029145.07188843</c:v>
                </c:pt>
                <c:pt idx="336">
                  <c:v>-2022884.2886361801</c:v>
                </c:pt>
                <c:pt idx="337">
                  <c:v>-2016458.90961813</c:v>
                </c:pt>
                <c:pt idx="338">
                  <c:v>-2010582.9817494501</c:v>
                </c:pt>
                <c:pt idx="339">
                  <c:v>-2005638.70983945</c:v>
                </c:pt>
                <c:pt idx="340">
                  <c:v>-2000451.25803506</c:v>
                </c:pt>
                <c:pt idx="341">
                  <c:v>-1992734.3718137899</c:v>
                </c:pt>
                <c:pt idx="342">
                  <c:v>-1986822.0012113301</c:v>
                </c:pt>
                <c:pt idx="343">
                  <c:v>-1983112.8140734399</c:v>
                </c:pt>
                <c:pt idx="344">
                  <c:v>-1977689.3778526301</c:v>
                </c:pt>
                <c:pt idx="345">
                  <c:v>-1968800.0403213501</c:v>
                </c:pt>
                <c:pt idx="346">
                  <c:v>-1960830.1950956001</c:v>
                </c:pt>
                <c:pt idx="347">
                  <c:v>-1955279.4481570199</c:v>
                </c:pt>
                <c:pt idx="348">
                  <c:v>-1945368.4945254</c:v>
                </c:pt>
                <c:pt idx="349">
                  <c:v>-1940380.1605235699</c:v>
                </c:pt>
                <c:pt idx="350">
                  <c:v>-1937746.41410717</c:v>
                </c:pt>
                <c:pt idx="351">
                  <c:v>-1933746.41410717</c:v>
                </c:pt>
                <c:pt idx="352">
                  <c:v>-1926648.57917535</c:v>
                </c:pt>
                <c:pt idx="353">
                  <c:v>-1922648.57917535</c:v>
                </c:pt>
                <c:pt idx="354">
                  <c:v>-1919119.82007727</c:v>
                </c:pt>
                <c:pt idx="355">
                  <c:v>-1915502.9747029899</c:v>
                </c:pt>
                <c:pt idx="356">
                  <c:v>-1912881.71579534</c:v>
                </c:pt>
                <c:pt idx="357">
                  <c:v>-1908381.1342042901</c:v>
                </c:pt>
                <c:pt idx="358">
                  <c:v>-1905445.8290472899</c:v>
                </c:pt>
                <c:pt idx="359">
                  <c:v>-1898541.3669181</c:v>
                </c:pt>
                <c:pt idx="360">
                  <c:v>-1895902.4915868901</c:v>
                </c:pt>
                <c:pt idx="361">
                  <c:v>-1892027.8195953399</c:v>
                </c:pt>
                <c:pt idx="362">
                  <c:v>-1888832.8598964</c:v>
                </c:pt>
                <c:pt idx="363">
                  <c:v>-1882784.1891111699</c:v>
                </c:pt>
                <c:pt idx="364">
                  <c:v>-1878556.50299141</c:v>
                </c:pt>
                <c:pt idx="365">
                  <c:v>-1872817.5157043301</c:v>
                </c:pt>
                <c:pt idx="366">
                  <c:v>-1871100.6173090199</c:v>
                </c:pt>
                <c:pt idx="367">
                  <c:v>-1862708.8282600499</c:v>
                </c:pt>
                <c:pt idx="368">
                  <c:v>-1862313.9502049501</c:v>
                </c:pt>
                <c:pt idx="369">
                  <c:v>-1858576.5964645599</c:v>
                </c:pt>
                <c:pt idx="370">
                  <c:v>-1857513.8075721399</c:v>
                </c:pt>
                <c:pt idx="371">
                  <c:v>-1854611.8079764801</c:v>
                </c:pt>
                <c:pt idx="372">
                  <c:v>-1845941.15309903</c:v>
                </c:pt>
                <c:pt idx="373">
                  <c:v>-1841721.3830049401</c:v>
                </c:pt>
                <c:pt idx="374">
                  <c:v>-1838206.04024694</c:v>
                </c:pt>
                <c:pt idx="375">
                  <c:v>-1833142.44902621</c:v>
                </c:pt>
                <c:pt idx="376">
                  <c:v>-1828364.6772801101</c:v>
                </c:pt>
                <c:pt idx="377">
                  <c:v>-1825151.6151278501</c:v>
                </c:pt>
                <c:pt idx="378">
                  <c:v>-1820300.6474778701</c:v>
                </c:pt>
                <c:pt idx="379">
                  <c:v>-1814571.3841306199</c:v>
                </c:pt>
                <c:pt idx="380">
                  <c:v>-1808629.4506496</c:v>
                </c:pt>
                <c:pt idx="381">
                  <c:v>-1802586.9868675701</c:v>
                </c:pt>
                <c:pt idx="382">
                  <c:v>-1797811.0708361999</c:v>
                </c:pt>
                <c:pt idx="383">
                  <c:v>-1794195.4235519001</c:v>
                </c:pt>
                <c:pt idx="384">
                  <c:v>-1788993.65353295</c:v>
                </c:pt>
                <c:pt idx="385">
                  <c:v>-1781613.6670182799</c:v>
                </c:pt>
                <c:pt idx="386">
                  <c:v>-1778882.0525308501</c:v>
                </c:pt>
                <c:pt idx="387">
                  <c:v>-1772049.62552041</c:v>
                </c:pt>
                <c:pt idx="388">
                  <c:v>-1764853.5609180899</c:v>
                </c:pt>
                <c:pt idx="389">
                  <c:v>-1759700.8345423101</c:v>
                </c:pt>
                <c:pt idx="390">
                  <c:v>-1757677.57292976</c:v>
                </c:pt>
                <c:pt idx="391">
                  <c:v>-1755290.2814382201</c:v>
                </c:pt>
                <c:pt idx="392">
                  <c:v>-1755213.6267879701</c:v>
                </c:pt>
                <c:pt idx="393">
                  <c:v>-1749897.5156930501</c:v>
                </c:pt>
                <c:pt idx="394">
                  <c:v>-1747433.56955125</c:v>
                </c:pt>
                <c:pt idx="395">
                  <c:v>-1746565.3044628799</c:v>
                </c:pt>
                <c:pt idx="396">
                  <c:v>-1744259.5569768799</c:v>
                </c:pt>
                <c:pt idx="397">
                  <c:v>-1742530.18182098</c:v>
                </c:pt>
                <c:pt idx="398">
                  <c:v>-1738976.3242748801</c:v>
                </c:pt>
                <c:pt idx="399">
                  <c:v>-1736256.4268038899</c:v>
                </c:pt>
                <c:pt idx="400">
                  <c:v>-1732529.72404593</c:v>
                </c:pt>
                <c:pt idx="401">
                  <c:v>-1727857.5356129601</c:v>
                </c:pt>
                <c:pt idx="402">
                  <c:v>-1724992.14587288</c:v>
                </c:pt>
                <c:pt idx="403">
                  <c:v>-1722860.8298629499</c:v>
                </c:pt>
                <c:pt idx="404">
                  <c:v>-1718252.61354471</c:v>
                </c:pt>
                <c:pt idx="405">
                  <c:v>-1716429.3136931399</c:v>
                </c:pt>
                <c:pt idx="406">
                  <c:v>-1710074.4335521001</c:v>
                </c:pt>
                <c:pt idx="407">
                  <c:v>-1707877.0676299001</c:v>
                </c:pt>
                <c:pt idx="408">
                  <c:v>-1705091.3469765601</c:v>
                </c:pt>
                <c:pt idx="409">
                  <c:v>-1698383.54233748</c:v>
                </c:pt>
                <c:pt idx="410">
                  <c:v>-1694978.58021794</c:v>
                </c:pt>
                <c:pt idx="411">
                  <c:v>-1692395.53219265</c:v>
                </c:pt>
                <c:pt idx="412">
                  <c:v>-1689052.9321893901</c:v>
                </c:pt>
                <c:pt idx="413">
                  <c:v>-1687309.43375587</c:v>
                </c:pt>
                <c:pt idx="414">
                  <c:v>-1684177.6930394301</c:v>
                </c:pt>
                <c:pt idx="415">
                  <c:v>-1682885.5286431201</c:v>
                </c:pt>
                <c:pt idx="416">
                  <c:v>-1679668.5380770899</c:v>
                </c:pt>
                <c:pt idx="417">
                  <c:v>-1675176.8763407001</c:v>
                </c:pt>
                <c:pt idx="418">
                  <c:v>-1672863.6895284101</c:v>
                </c:pt>
                <c:pt idx="419">
                  <c:v>-1670152.2965838299</c:v>
                </c:pt>
                <c:pt idx="420">
                  <c:v>-1665746.41036288</c:v>
                </c:pt>
                <c:pt idx="421">
                  <c:v>-1662812.64361961</c:v>
                </c:pt>
                <c:pt idx="422">
                  <c:v>-1659468.87536598</c:v>
                </c:pt>
                <c:pt idx="423">
                  <c:v>-1657748.1310553499</c:v>
                </c:pt>
                <c:pt idx="424">
                  <c:v>-1655160.0658432201</c:v>
                </c:pt>
                <c:pt idx="425">
                  <c:v>-1648690.7357399999</c:v>
                </c:pt>
                <c:pt idx="426">
                  <c:v>-1647268.53278518</c:v>
                </c:pt>
                <c:pt idx="427">
                  <c:v>-1641864.41204467</c:v>
                </c:pt>
                <c:pt idx="428">
                  <c:v>-1631321.6119796601</c:v>
                </c:pt>
                <c:pt idx="429">
                  <c:v>-1628284.06577679</c:v>
                </c:pt>
                <c:pt idx="430">
                  <c:v>-1626838.43154578</c:v>
                </c:pt>
                <c:pt idx="431">
                  <c:v>-1623001.28676872</c:v>
                </c:pt>
                <c:pt idx="432">
                  <c:v>-1620494.54757566</c:v>
                </c:pt>
                <c:pt idx="433">
                  <c:v>-1616153.0018614801</c:v>
                </c:pt>
                <c:pt idx="434">
                  <c:v>-1615022.3024348801</c:v>
                </c:pt>
                <c:pt idx="435">
                  <c:v>-1612055.2962030501</c:v>
                </c:pt>
                <c:pt idx="436">
                  <c:v>-1607244.99773876</c:v>
                </c:pt>
                <c:pt idx="437">
                  <c:v>-1606675.9244635899</c:v>
                </c:pt>
                <c:pt idx="438">
                  <c:v>-1603708.9182317599</c:v>
                </c:pt>
                <c:pt idx="439">
                  <c:v>-1600609.8987181699</c:v>
                </c:pt>
                <c:pt idx="440">
                  <c:v>-1596957.4322875601</c:v>
                </c:pt>
                <c:pt idx="441">
                  <c:v>-1595193.59292181</c:v>
                </c:pt>
                <c:pt idx="442">
                  <c:v>-1593644.3257039101</c:v>
                </c:pt>
                <c:pt idx="443">
                  <c:v>-1589329.1582138001</c:v>
                </c:pt>
                <c:pt idx="444">
                  <c:v>-1585101.0691970601</c:v>
                </c:pt>
                <c:pt idx="445">
                  <c:v>-1577565.86504754</c:v>
                </c:pt>
                <c:pt idx="446">
                  <c:v>-1575597.9665620001</c:v>
                </c:pt>
                <c:pt idx="447">
                  <c:v>-1574224.4453405801</c:v>
                </c:pt>
                <c:pt idx="448">
                  <c:v>-1572824.03177873</c:v>
                </c:pt>
                <c:pt idx="449">
                  <c:v>-1571573.6144708099</c:v>
                </c:pt>
                <c:pt idx="450">
                  <c:v>-1569317.7085734999</c:v>
                </c:pt>
                <c:pt idx="451">
                  <c:v>-1565786.0308521099</c:v>
                </c:pt>
                <c:pt idx="452">
                  <c:v>-1562541.69345149</c:v>
                </c:pt>
                <c:pt idx="453">
                  <c:v>-1560285.78755417</c:v>
                </c:pt>
                <c:pt idx="454">
                  <c:v>-1558599.6538827701</c:v>
                </c:pt>
                <c:pt idx="455">
                  <c:v>-1556998.28708918</c:v>
                </c:pt>
                <c:pt idx="456">
                  <c:v>-1556883.4518963201</c:v>
                </c:pt>
                <c:pt idx="457">
                  <c:v>-1554240.3740568799</c:v>
                </c:pt>
                <c:pt idx="458">
                  <c:v>-1554240.3740568799</c:v>
                </c:pt>
                <c:pt idx="459">
                  <c:v>-1551831.4962484599</c:v>
                </c:pt>
                <c:pt idx="460">
                  <c:v>-1549778.15277012</c:v>
                </c:pt>
                <c:pt idx="461">
                  <c:v>-1549213.95895545</c:v>
                </c:pt>
                <c:pt idx="462">
                  <c:v>-1547055.04177276</c:v>
                </c:pt>
                <c:pt idx="463">
                  <c:v>-1546885.99366761</c:v>
                </c:pt>
                <c:pt idx="464">
                  <c:v>-1543961.1955183099</c:v>
                </c:pt>
                <c:pt idx="465">
                  <c:v>-1542613.4138213301</c:v>
                </c:pt>
                <c:pt idx="466">
                  <c:v>-1541377.35374162</c:v>
                </c:pt>
                <c:pt idx="467">
                  <c:v>-1540136.6202104101</c:v>
                </c:pt>
                <c:pt idx="468">
                  <c:v>-1540121.6666238699</c:v>
                </c:pt>
                <c:pt idx="469">
                  <c:v>-1535426.8393030299</c:v>
                </c:pt>
                <c:pt idx="470">
                  <c:v>-1534752.83204179</c:v>
                </c:pt>
                <c:pt idx="471">
                  <c:v>-1534389.9214534401</c:v>
                </c:pt>
                <c:pt idx="472">
                  <c:v>-1531580.0222108599</c:v>
                </c:pt>
                <c:pt idx="473">
                  <c:v>-1531217.11162252</c:v>
                </c:pt>
                <c:pt idx="474">
                  <c:v>-1529984.3163713899</c:v>
                </c:pt>
                <c:pt idx="475">
                  <c:v>-1529074.99848549</c:v>
                </c:pt>
                <c:pt idx="476">
                  <c:v>-1528147.3269046401</c:v>
                </c:pt>
                <c:pt idx="477">
                  <c:v>-1527277.77536943</c:v>
                </c:pt>
                <c:pt idx="478">
                  <c:v>-1525186.92584842</c:v>
                </c:pt>
                <c:pt idx="479">
                  <c:v>-1523332.30081603</c:v>
                </c:pt>
                <c:pt idx="480">
                  <c:v>-1519885.35797476</c:v>
                </c:pt>
                <c:pt idx="481">
                  <c:v>-1515725.84263312</c:v>
                </c:pt>
                <c:pt idx="482">
                  <c:v>-1512278.89979185</c:v>
                </c:pt>
                <c:pt idx="483">
                  <c:v>-1508971.5569835701</c:v>
                </c:pt>
                <c:pt idx="484">
                  <c:v>-1505259.8749515901</c:v>
                </c:pt>
                <c:pt idx="485">
                  <c:v>-1504086.4529625</c:v>
                </c:pt>
                <c:pt idx="486">
                  <c:v>-1501545.4594822801</c:v>
                </c:pt>
                <c:pt idx="487">
                  <c:v>-1500372.03749319</c:v>
                </c:pt>
                <c:pt idx="488">
                  <c:v>-1499813.4059905501</c:v>
                </c:pt>
                <c:pt idx="489">
                  <c:v>-1499037.8900283701</c:v>
                </c:pt>
                <c:pt idx="490">
                  <c:v>-1495714.6638958801</c:v>
                </c:pt>
                <c:pt idx="491">
                  <c:v>-1493446.0572597501</c:v>
                </c:pt>
                <c:pt idx="492">
                  <c:v>-1490122.8311272699</c:v>
                </c:pt>
                <c:pt idx="493">
                  <c:v>-1488079.7625029699</c:v>
                </c:pt>
                <c:pt idx="494">
                  <c:v>-1485612.5724694501</c:v>
                </c:pt>
                <c:pt idx="495">
                  <c:v>-1483648.86469855</c:v>
                </c:pt>
                <c:pt idx="496">
                  <c:v>-1483187.25231006</c:v>
                </c:pt>
                <c:pt idx="497">
                  <c:v>-1470008.2593710099</c:v>
                </c:pt>
                <c:pt idx="498">
                  <c:v>-1466164.0964044</c:v>
                </c:pt>
                <c:pt idx="499">
                  <c:v>-1463919.9564066799</c:v>
                </c:pt>
                <c:pt idx="500">
                  <c:v>-1462911.8585190701</c:v>
                </c:pt>
                <c:pt idx="501">
                  <c:v>-1462439.69516565</c:v>
                </c:pt>
                <c:pt idx="502">
                  <c:v>-1461623.3314704599</c:v>
                </c:pt>
                <c:pt idx="503">
                  <c:v>-1458878.8786414401</c:v>
                </c:pt>
                <c:pt idx="504">
                  <c:v>-1458101.0685161699</c:v>
                </c:pt>
                <c:pt idx="505">
                  <c:v>-1454003.9256844399</c:v>
                </c:pt>
                <c:pt idx="506">
                  <c:v>-1450401.2207468499</c:v>
                </c:pt>
                <c:pt idx="507">
                  <c:v>-1446598.0053669601</c:v>
                </c:pt>
                <c:pt idx="508">
                  <c:v>-1443530.01314166</c:v>
                </c:pt>
                <c:pt idx="509">
                  <c:v>-1441277.8253846599</c:v>
                </c:pt>
                <c:pt idx="510">
                  <c:v>-1436231.07936228</c:v>
                </c:pt>
                <c:pt idx="511">
                  <c:v>-1434514.92630045</c:v>
                </c:pt>
                <c:pt idx="512">
                  <c:v>-1434514.92630045</c:v>
                </c:pt>
                <c:pt idx="513">
                  <c:v>-1433186.18538603</c:v>
                </c:pt>
                <c:pt idx="514">
                  <c:v>-1428908.8699578601</c:v>
                </c:pt>
                <c:pt idx="515">
                  <c:v>-1428908.8699578601</c:v>
                </c:pt>
                <c:pt idx="516">
                  <c:v>-1425182.0579343201</c:v>
                </c:pt>
                <c:pt idx="517">
                  <c:v>-1422289.35734529</c:v>
                </c:pt>
                <c:pt idx="518">
                  <c:v>-1418442.74560908</c:v>
                </c:pt>
                <c:pt idx="519">
                  <c:v>-1416859.83873542</c:v>
                </c:pt>
                <c:pt idx="520">
                  <c:v>-1415440.12014512</c:v>
                </c:pt>
                <c:pt idx="521">
                  <c:v>-1413510.2801669999</c:v>
                </c:pt>
                <c:pt idx="522">
                  <c:v>-1411224.7288569401</c:v>
                </c:pt>
                <c:pt idx="523">
                  <c:v>-1408460.31130759</c:v>
                </c:pt>
                <c:pt idx="524">
                  <c:v>-1406290.3605562099</c:v>
                </c:pt>
                <c:pt idx="525">
                  <c:v>-1405692.8972138099</c:v>
                </c:pt>
                <c:pt idx="526">
                  <c:v>-1402959.9691639401</c:v>
                </c:pt>
                <c:pt idx="527">
                  <c:v>-1399975.31228937</c:v>
                </c:pt>
                <c:pt idx="528">
                  <c:v>-1399226.51687263</c:v>
                </c:pt>
                <c:pt idx="529">
                  <c:v>-1398695.4655438201</c:v>
                </c:pt>
                <c:pt idx="530">
                  <c:v>-1397946.6701270801</c:v>
                </c:pt>
                <c:pt idx="531">
                  <c:v>-1396846.5535226299</c:v>
                </c:pt>
                <c:pt idx="532">
                  <c:v>-1395903.81846101</c:v>
                </c:pt>
                <c:pt idx="533">
                  <c:v>-1393721.9263182899</c:v>
                </c:pt>
                <c:pt idx="534">
                  <c:v>-1391807.95604687</c:v>
                </c:pt>
                <c:pt idx="535">
                  <c:v>-1390713.8889109101</c:v>
                </c:pt>
                <c:pt idx="536">
                  <c:v>-1390215.6279626</c:v>
                </c:pt>
                <c:pt idx="537">
                  <c:v>-1389756.5420768</c:v>
                </c:pt>
                <c:pt idx="538">
                  <c:v>-1389756.5420768</c:v>
                </c:pt>
                <c:pt idx="539">
                  <c:v>-1389756.5420768</c:v>
                </c:pt>
                <c:pt idx="540">
                  <c:v>-1388781.9777851701</c:v>
                </c:pt>
                <c:pt idx="541">
                  <c:v>-1388215.1608116601</c:v>
                </c:pt>
                <c:pt idx="542">
                  <c:v>-1386249.4587630001</c:v>
                </c:pt>
                <c:pt idx="543">
                  <c:v>-1384847.6816251599</c:v>
                </c:pt>
                <c:pt idx="544">
                  <c:v>-1382208.0774978499</c:v>
                </c:pt>
                <c:pt idx="545">
                  <c:v>-1382129.2983111499</c:v>
                </c:pt>
                <c:pt idx="546">
                  <c:v>-1380716.13856782</c:v>
                </c:pt>
                <c:pt idx="547">
                  <c:v>-1380619.8473660401</c:v>
                </c:pt>
                <c:pt idx="548">
                  <c:v>-1379436.0817072401</c:v>
                </c:pt>
                <c:pt idx="549">
                  <c:v>-1378744.7997085201</c:v>
                </c:pt>
                <c:pt idx="550">
                  <c:v>-1378105.5754968601</c:v>
                </c:pt>
                <c:pt idx="551">
                  <c:v>-1376355.3838677099</c:v>
                </c:pt>
                <c:pt idx="552">
                  <c:v>-1375607.4370134701</c:v>
                </c:pt>
                <c:pt idx="553">
                  <c:v>-1373857.2453843199</c:v>
                </c:pt>
                <c:pt idx="554">
                  <c:v>-1372382.7272685401</c:v>
                </c:pt>
                <c:pt idx="555">
                  <c:v>-1371781.9759210499</c:v>
                </c:pt>
                <c:pt idx="556">
                  <c:v>-1370912.29797099</c:v>
                </c:pt>
                <c:pt idx="557">
                  <c:v>-1369096.55053065</c:v>
                </c:pt>
                <c:pt idx="558">
                  <c:v>-1367577.39458156</c:v>
                </c:pt>
                <c:pt idx="559">
                  <c:v>-1366143.13355783</c:v>
                </c:pt>
                <c:pt idx="560">
                  <c:v>-1365101.4092264799</c:v>
                </c:pt>
                <c:pt idx="561">
                  <c:v>-1364625.2542739899</c:v>
                </c:pt>
                <c:pt idx="562">
                  <c:v>-1363083.8972113901</c:v>
                </c:pt>
                <c:pt idx="563">
                  <c:v>-1361914.32372615</c:v>
                </c:pt>
                <c:pt idx="564">
                  <c:v>-1361081.73561406</c:v>
                </c:pt>
                <c:pt idx="565">
                  <c:v>-1359414.32372615</c:v>
                </c:pt>
                <c:pt idx="566">
                  <c:v>-1358564.2235989801</c:v>
                </c:pt>
                <c:pt idx="567">
                  <c:v>-1357963.47225148</c:v>
                </c:pt>
                <c:pt idx="568">
                  <c:v>-1357963.47225148</c:v>
                </c:pt>
                <c:pt idx="569">
                  <c:v>-1357173.72627336</c:v>
                </c:pt>
                <c:pt idx="570">
                  <c:v>-1356531.60046508</c:v>
                </c:pt>
                <c:pt idx="571">
                  <c:v>-1356531.60046508</c:v>
                </c:pt>
                <c:pt idx="572">
                  <c:v>-1355741.85448696</c:v>
                </c:pt>
                <c:pt idx="573">
                  <c:v>-1355741.85448696</c:v>
                </c:pt>
                <c:pt idx="574">
                  <c:v>-1354505.7865094601</c:v>
                </c:pt>
                <c:pt idx="575">
                  <c:v>-1353741.85448696</c:v>
                </c:pt>
                <c:pt idx="576">
                  <c:v>-1352165.23225669</c:v>
                </c:pt>
                <c:pt idx="577">
                  <c:v>-1352099.1478760701</c:v>
                </c:pt>
                <c:pt idx="578">
                  <c:v>-1349599.1478760701</c:v>
                </c:pt>
                <c:pt idx="579">
                  <c:v>-1347556.6187209</c:v>
                </c:pt>
                <c:pt idx="580">
                  <c:v>-1347556.6187209</c:v>
                </c:pt>
                <c:pt idx="581">
                  <c:v>-1346718.8963810699</c:v>
                </c:pt>
                <c:pt idx="582">
                  <c:v>-1346470.8567009601</c:v>
                </c:pt>
                <c:pt idx="583">
                  <c:v>-1343915.8349953301</c:v>
                </c:pt>
                <c:pt idx="584">
                  <c:v>-1343567.6376173999</c:v>
                </c:pt>
                <c:pt idx="585">
                  <c:v>-1339453.3034729799</c:v>
                </c:pt>
                <c:pt idx="586">
                  <c:v>-1335339.8422152</c:v>
                </c:pt>
                <c:pt idx="587">
                  <c:v>-1332501.50522089</c:v>
                </c:pt>
                <c:pt idx="588">
                  <c:v>-1332493.85546176</c:v>
                </c:pt>
                <c:pt idx="589">
                  <c:v>-1332307.64580317</c:v>
                </c:pt>
                <c:pt idx="590">
                  <c:v>-1331342.4863954501</c:v>
                </c:pt>
                <c:pt idx="591">
                  <c:v>-1331145.3681429999</c:v>
                </c:pt>
                <c:pt idx="592">
                  <c:v>-1329761.82801233</c:v>
                </c:pt>
                <c:pt idx="593">
                  <c:v>-1328599.5503521599</c:v>
                </c:pt>
                <c:pt idx="594">
                  <c:v>-1327414.62189533</c:v>
                </c:pt>
                <c:pt idx="595">
                  <c:v>-1326239.9145376601</c:v>
                </c:pt>
                <c:pt idx="596">
                  <c:v>-1324570.8730256399</c:v>
                </c:pt>
                <c:pt idx="597">
                  <c:v>-1322211.2372111401</c:v>
                </c:pt>
                <c:pt idx="598">
                  <c:v>-1320727.3407199299</c:v>
                </c:pt>
                <c:pt idx="599">
                  <c:v>-1317883.59185025</c:v>
                </c:pt>
                <c:pt idx="600">
                  <c:v>-1315622.71208975</c:v>
                </c:pt>
                <c:pt idx="601">
                  <c:v>-1313683.2045662401</c:v>
                </c:pt>
                <c:pt idx="602">
                  <c:v>-1306377.94880742</c:v>
                </c:pt>
                <c:pt idx="603">
                  <c:v>-1302457.9761788701</c:v>
                </c:pt>
                <c:pt idx="604">
                  <c:v>-1299863.1401703199</c:v>
                </c:pt>
                <c:pt idx="605">
                  <c:v>-1298557.85751915</c:v>
                </c:pt>
                <c:pt idx="606">
                  <c:v>-1298557.85751915</c:v>
                </c:pt>
                <c:pt idx="607">
                  <c:v>-1297863.1401703199</c:v>
                </c:pt>
                <c:pt idx="608">
                  <c:v>-1296557.85751915</c:v>
                </c:pt>
                <c:pt idx="609">
                  <c:v>-1295976.7186890701</c:v>
                </c:pt>
                <c:pt idx="610">
                  <c:v>-1295892.19463649</c:v>
                </c:pt>
                <c:pt idx="611">
                  <c:v>-1294673.94305133</c:v>
                </c:pt>
                <c:pt idx="612">
                  <c:v>-1294673.94305133</c:v>
                </c:pt>
                <c:pt idx="613">
                  <c:v>-1287592.3468220099</c:v>
                </c:pt>
                <c:pt idx="614">
                  <c:v>-1287592.3468220099</c:v>
                </c:pt>
                <c:pt idx="615">
                  <c:v>-1287556.2929638</c:v>
                </c:pt>
                <c:pt idx="616">
                  <c:v>-1285887.89927043</c:v>
                </c:pt>
                <c:pt idx="617">
                  <c:v>-1283796.3215978099</c:v>
                </c:pt>
                <c:pt idx="618">
                  <c:v>-1282127.9279044501</c:v>
                </c:pt>
                <c:pt idx="619">
                  <c:v>-1278673.86114267</c:v>
                </c:pt>
                <c:pt idx="620">
                  <c:v>-1278673.86114267</c:v>
                </c:pt>
                <c:pt idx="621">
                  <c:v>-1278673.86114267</c:v>
                </c:pt>
                <c:pt idx="622">
                  <c:v>-1278604.44142735</c:v>
                </c:pt>
                <c:pt idx="623">
                  <c:v>-1278604.44142735</c:v>
                </c:pt>
                <c:pt idx="624">
                  <c:v>-1274157.8809992999</c:v>
                </c:pt>
                <c:pt idx="625">
                  <c:v>-1273515.9089832001</c:v>
                </c:pt>
                <c:pt idx="626">
                  <c:v>-1273098.64465286</c:v>
                </c:pt>
                <c:pt idx="627">
                  <c:v>-1272456.6726367599</c:v>
                </c:pt>
                <c:pt idx="628">
                  <c:v>-1271663.4798339</c:v>
                </c:pt>
                <c:pt idx="629">
                  <c:v>-1271610.4079878901</c:v>
                </c:pt>
                <c:pt idx="630">
                  <c:v>-1271000.5050298399</c:v>
                </c:pt>
                <c:pt idx="631">
                  <c:v>-1270710.4558749299</c:v>
                </c:pt>
                <c:pt idx="632">
                  <c:v>-1269880.06853059</c:v>
                </c:pt>
                <c:pt idx="633">
                  <c:v>-1269345.92527299</c:v>
                </c:pt>
                <c:pt idx="634">
                  <c:v>-1269210.7883695301</c:v>
                </c:pt>
                <c:pt idx="635">
                  <c:v>-1268976.31640385</c:v>
                </c:pt>
                <c:pt idx="636">
                  <c:v>-1266426.3075163399</c:v>
                </c:pt>
                <c:pt idx="637">
                  <c:v>-1265904.2836371199</c:v>
                </c:pt>
                <c:pt idx="638">
                  <c:v>-1265132.14665537</c:v>
                </c:pt>
                <c:pt idx="639">
                  <c:v>-1264755.98182782</c:v>
                </c:pt>
                <c:pt idx="640">
                  <c:v>-1263836.34485477</c:v>
                </c:pt>
                <c:pt idx="641">
                  <c:v>-1263836.34485477</c:v>
                </c:pt>
                <c:pt idx="642">
                  <c:v>-1262131.8973031901</c:v>
                </c:pt>
                <c:pt idx="643">
                  <c:v>-1262131.8973031901</c:v>
                </c:pt>
                <c:pt idx="644">
                  <c:v>-1259931.0201777001</c:v>
                </c:pt>
                <c:pt idx="645">
                  <c:v>-1258252.57249922</c:v>
                </c:pt>
                <c:pt idx="646">
                  <c:v>-1257217.0346097299</c:v>
                </c:pt>
                <c:pt idx="647">
                  <c:v>-1257019.8815063499</c:v>
                </c:pt>
                <c:pt idx="648">
                  <c:v>-1255984.34361687</c:v>
                </c:pt>
                <c:pt idx="649">
                  <c:v>-1255924.7772712801</c:v>
                </c:pt>
                <c:pt idx="650">
                  <c:v>-1255924.7772712801</c:v>
                </c:pt>
                <c:pt idx="651">
                  <c:v>-1255924.7772712801</c:v>
                </c:pt>
                <c:pt idx="652">
                  <c:v>-1255924.7772712801</c:v>
                </c:pt>
                <c:pt idx="653">
                  <c:v>-1253751.78088499</c:v>
                </c:pt>
                <c:pt idx="654">
                  <c:v>-1253751.78088499</c:v>
                </c:pt>
                <c:pt idx="655">
                  <c:v>-1253751.78088499</c:v>
                </c:pt>
                <c:pt idx="656">
                  <c:v>-1253751.78088499</c:v>
                </c:pt>
                <c:pt idx="657">
                  <c:v>-1253273.0505673699</c:v>
                </c:pt>
                <c:pt idx="658">
                  <c:v>-1252606.8394513</c:v>
                </c:pt>
                <c:pt idx="659">
                  <c:v>-1252128.1091336799</c:v>
                </c:pt>
                <c:pt idx="660">
                  <c:v>-1252128.1091336799</c:v>
                </c:pt>
                <c:pt idx="661">
                  <c:v>-1251887.26806845</c:v>
                </c:pt>
                <c:pt idx="662">
                  <c:v>-1251887.26806845</c:v>
                </c:pt>
                <c:pt idx="663">
                  <c:v>-1251757.0985488701</c:v>
                </c:pt>
                <c:pt idx="664">
                  <c:v>-1250919.35307361</c:v>
                </c:pt>
                <c:pt idx="665">
                  <c:v>-1248977.4798854999</c:v>
                </c:pt>
                <c:pt idx="666">
                  <c:v>-1248620.61993731</c:v>
                </c:pt>
                <c:pt idx="667">
                  <c:v>-1246603.77563435</c:v>
                </c:pt>
                <c:pt idx="668">
                  <c:v>-1245635.86063951</c:v>
                </c:pt>
                <c:pt idx="669">
                  <c:v>-1243433.7810548099</c:v>
                </c:pt>
                <c:pt idx="670">
                  <c:v>-1243433.7810548099</c:v>
                </c:pt>
                <c:pt idx="671">
                  <c:v>-1243433.7810548099</c:v>
                </c:pt>
                <c:pt idx="672">
                  <c:v>-1243433.7810548099</c:v>
                </c:pt>
                <c:pt idx="673">
                  <c:v>-1243433.7810548099</c:v>
                </c:pt>
                <c:pt idx="674">
                  <c:v>-1243433.7810548099</c:v>
                </c:pt>
                <c:pt idx="675">
                  <c:v>-1243433.7810548099</c:v>
                </c:pt>
                <c:pt idx="676">
                  <c:v>-1241183.3898936999</c:v>
                </c:pt>
                <c:pt idx="677">
                  <c:v>-1241183.3898936999</c:v>
                </c:pt>
                <c:pt idx="678">
                  <c:v>-1241183.3898936999</c:v>
                </c:pt>
                <c:pt idx="679">
                  <c:v>-1241183.3898936999</c:v>
                </c:pt>
                <c:pt idx="680">
                  <c:v>-1239464.3594025599</c:v>
                </c:pt>
                <c:pt idx="681">
                  <c:v>-1239464.3594025599</c:v>
                </c:pt>
                <c:pt idx="682">
                  <c:v>-1238811.3067403799</c:v>
                </c:pt>
                <c:pt idx="683">
                  <c:v>-1236478.1274475399</c:v>
                </c:pt>
                <c:pt idx="684">
                  <c:v>-1235825.0747853599</c:v>
                </c:pt>
                <c:pt idx="685">
                  <c:v>-1235064.67614066</c:v>
                </c:pt>
                <c:pt idx="686">
                  <c:v>-1235064.67614066</c:v>
                </c:pt>
                <c:pt idx="687">
                  <c:v>-1234420.89165091</c:v>
                </c:pt>
                <c:pt idx="688">
                  <c:v>-1234094.6628089</c:v>
                </c:pt>
                <c:pt idx="689">
                  <c:v>-1233235.23387309</c:v>
                </c:pt>
                <c:pt idx="690">
                  <c:v>-1232265.2205413301</c:v>
                </c:pt>
                <c:pt idx="691">
                  <c:v>-1231297.30554648</c:v>
                </c:pt>
                <c:pt idx="692">
                  <c:v>-1229305.5784014601</c:v>
                </c:pt>
                <c:pt idx="693">
                  <c:v>-1228974.0615086099</c:v>
                </c:pt>
                <c:pt idx="694">
                  <c:v>-1228676.3216250499</c:v>
                </c:pt>
                <c:pt idx="695">
                  <c:v>-1228344.8047322</c:v>
                </c:pt>
                <c:pt idx="696">
                  <c:v>-1228344.8047322</c:v>
                </c:pt>
                <c:pt idx="697">
                  <c:v>-1228344.8047322</c:v>
                </c:pt>
                <c:pt idx="698">
                  <c:v>-1228344.8047322</c:v>
                </c:pt>
                <c:pt idx="699">
                  <c:v>-1228344.8047322</c:v>
                </c:pt>
                <c:pt idx="700">
                  <c:v>-1224158.62175559</c:v>
                </c:pt>
                <c:pt idx="701">
                  <c:v>-1224158.62175559</c:v>
                </c:pt>
                <c:pt idx="702">
                  <c:v>-1224158.62175559</c:v>
                </c:pt>
                <c:pt idx="703">
                  <c:v>-1223877.6258004601</c:v>
                </c:pt>
                <c:pt idx="704">
                  <c:v>-1223877.6258004601</c:v>
                </c:pt>
                <c:pt idx="705">
                  <c:v>-1223877.6258004601</c:v>
                </c:pt>
                <c:pt idx="706">
                  <c:v>-1223877.6258004601</c:v>
                </c:pt>
                <c:pt idx="707">
                  <c:v>-1223877.6258004601</c:v>
                </c:pt>
                <c:pt idx="708">
                  <c:v>-1223877.6258004601</c:v>
                </c:pt>
                <c:pt idx="709">
                  <c:v>-1223320.8994157601</c:v>
                </c:pt>
                <c:pt idx="710">
                  <c:v>-1222715.34814029</c:v>
                </c:pt>
                <c:pt idx="711">
                  <c:v>-1221877.6258004601</c:v>
                </c:pt>
                <c:pt idx="712">
                  <c:v>-1221877.6258004601</c:v>
                </c:pt>
                <c:pt idx="713">
                  <c:v>-1221877.6258004601</c:v>
                </c:pt>
                <c:pt idx="714">
                  <c:v>-1221877.6258004601</c:v>
                </c:pt>
                <c:pt idx="715">
                  <c:v>-1221877.6258004601</c:v>
                </c:pt>
                <c:pt idx="716">
                  <c:v>-1221877.6258004601</c:v>
                </c:pt>
                <c:pt idx="717">
                  <c:v>-1221529.4251427101</c:v>
                </c:pt>
                <c:pt idx="718">
                  <c:v>-1220825.9939663799</c:v>
                </c:pt>
                <c:pt idx="719">
                  <c:v>-1220477.7933086299</c:v>
                </c:pt>
                <c:pt idx="720">
                  <c:v>-1220477.7933086299</c:v>
                </c:pt>
                <c:pt idx="721">
                  <c:v>-1220477.7933086299</c:v>
                </c:pt>
                <c:pt idx="722">
                  <c:v>-1217633.0608387899</c:v>
                </c:pt>
                <c:pt idx="723">
                  <c:v>-1215872.2420331701</c:v>
                </c:pt>
                <c:pt idx="724">
                  <c:v>-1215872.2420331701</c:v>
                </c:pt>
                <c:pt idx="725">
                  <c:v>-1215872.2420331701</c:v>
                </c:pt>
                <c:pt idx="726">
                  <c:v>-1215872.2420331701</c:v>
                </c:pt>
                <c:pt idx="727">
                  <c:v>-1215775.95083138</c:v>
                </c:pt>
                <c:pt idx="728">
                  <c:v>-1215775.95083138</c:v>
                </c:pt>
                <c:pt idx="729">
                  <c:v>-1215775.95083138</c:v>
                </c:pt>
                <c:pt idx="730">
                  <c:v>-1215775.95083138</c:v>
                </c:pt>
                <c:pt idx="731">
                  <c:v>-1215775.95083138</c:v>
                </c:pt>
                <c:pt idx="732">
                  <c:v>-1215775.95083138</c:v>
                </c:pt>
                <c:pt idx="733">
                  <c:v>-1215775.95083138</c:v>
                </c:pt>
                <c:pt idx="734">
                  <c:v>-1213789.40254326</c:v>
                </c:pt>
                <c:pt idx="735">
                  <c:v>-1213789.40254326</c:v>
                </c:pt>
                <c:pt idx="736">
                  <c:v>-1213072.4119772301</c:v>
                </c:pt>
                <c:pt idx="737">
                  <c:v>-1212675.3317348999</c:v>
                </c:pt>
                <c:pt idx="738">
                  <c:v>-1211958.34116887</c:v>
                </c:pt>
                <c:pt idx="739">
                  <c:v>-1211611.57571836</c:v>
                </c:pt>
                <c:pt idx="740">
                  <c:v>-1211291.3753289899</c:v>
                </c:pt>
                <c:pt idx="741">
                  <c:v>-1211171.7925189601</c:v>
                </c:pt>
                <c:pt idx="742">
                  <c:v>-1209639.7075138099</c:v>
                </c:pt>
                <c:pt idx="743">
                  <c:v>-1209319.50712444</c:v>
                </c:pt>
                <c:pt idx="744">
                  <c:v>-1209319.50712444</c:v>
                </c:pt>
                <c:pt idx="745">
                  <c:v>-1209319.50712444</c:v>
                </c:pt>
                <c:pt idx="746">
                  <c:v>-1209319.50712444</c:v>
                </c:pt>
                <c:pt idx="747">
                  <c:v>-1209319.50712444</c:v>
                </c:pt>
                <c:pt idx="748">
                  <c:v>-1209319.50712444</c:v>
                </c:pt>
                <c:pt idx="749">
                  <c:v>-1209319.50712444</c:v>
                </c:pt>
                <c:pt idx="750">
                  <c:v>-1208500.96484038</c:v>
                </c:pt>
                <c:pt idx="751">
                  <c:v>-1208500.96484038</c:v>
                </c:pt>
                <c:pt idx="752">
                  <c:v>-1207362.6579251799</c:v>
                </c:pt>
                <c:pt idx="753">
                  <c:v>-1207362.6579251799</c:v>
                </c:pt>
                <c:pt idx="754">
                  <c:v>-1206769.29697793</c:v>
                </c:pt>
                <c:pt idx="755">
                  <c:v>-1206769.29697793</c:v>
                </c:pt>
                <c:pt idx="756">
                  <c:v>-1205797.69032834</c:v>
                </c:pt>
                <c:pt idx="757">
                  <c:v>-1205797.69032834</c:v>
                </c:pt>
                <c:pt idx="758">
                  <c:v>-1205797.69032834</c:v>
                </c:pt>
                <c:pt idx="759">
                  <c:v>-1205797.69032834</c:v>
                </c:pt>
                <c:pt idx="760">
                  <c:v>-1205715.69753377</c:v>
                </c:pt>
                <c:pt idx="761">
                  <c:v>-1205715.69753377</c:v>
                </c:pt>
                <c:pt idx="762">
                  <c:v>-1205641.90721644</c:v>
                </c:pt>
                <c:pt idx="763">
                  <c:v>-1205641.90721644</c:v>
                </c:pt>
                <c:pt idx="764">
                  <c:v>-1205641.90721644</c:v>
                </c:pt>
                <c:pt idx="765">
                  <c:v>-1205641.90721644</c:v>
                </c:pt>
                <c:pt idx="766">
                  <c:v>-1205189.2853999699</c:v>
                </c:pt>
                <c:pt idx="767">
                  <c:v>-1205189.2853999699</c:v>
                </c:pt>
                <c:pt idx="768">
                  <c:v>-1205121.05823925</c:v>
                </c:pt>
                <c:pt idx="769">
                  <c:v>-1204632.5590152701</c:v>
                </c:pt>
                <c:pt idx="770">
                  <c:v>-1204564.3318545499</c:v>
                </c:pt>
                <c:pt idx="771">
                  <c:v>-1204564.3318545499</c:v>
                </c:pt>
                <c:pt idx="772">
                  <c:v>-1204564.3318545499</c:v>
                </c:pt>
                <c:pt idx="773">
                  <c:v>-1204564.3318545499</c:v>
                </c:pt>
                <c:pt idx="774">
                  <c:v>-1204564.3318545499</c:v>
                </c:pt>
                <c:pt idx="775">
                  <c:v>-1203751.3884695501</c:v>
                </c:pt>
                <c:pt idx="776">
                  <c:v>-1203751.3884695501</c:v>
                </c:pt>
                <c:pt idx="777">
                  <c:v>-1203751.3884695501</c:v>
                </c:pt>
                <c:pt idx="778">
                  <c:v>-1203751.3884695501</c:v>
                </c:pt>
                <c:pt idx="779">
                  <c:v>-1203751.3884695501</c:v>
                </c:pt>
                <c:pt idx="780">
                  <c:v>-1203751.3884695501</c:v>
                </c:pt>
                <c:pt idx="781">
                  <c:v>-1203751.3884695501</c:v>
                </c:pt>
                <c:pt idx="782">
                  <c:v>-1201751.3884695501</c:v>
                </c:pt>
                <c:pt idx="783">
                  <c:v>-1201751.3884695501</c:v>
                </c:pt>
                <c:pt idx="784">
                  <c:v>-1200516.22263695</c:v>
                </c:pt>
                <c:pt idx="785">
                  <c:v>-1200516.22263695</c:v>
                </c:pt>
                <c:pt idx="786">
                  <c:v>-1200516.22263695</c:v>
                </c:pt>
                <c:pt idx="787">
                  <c:v>-1200516.22263695</c:v>
                </c:pt>
                <c:pt idx="788">
                  <c:v>-1200516.22263695</c:v>
                </c:pt>
                <c:pt idx="789">
                  <c:v>-1199119.6286091099</c:v>
                </c:pt>
                <c:pt idx="790">
                  <c:v>-1199119.6286091099</c:v>
                </c:pt>
                <c:pt idx="791">
                  <c:v>-1199119.6286091099</c:v>
                </c:pt>
                <c:pt idx="792">
                  <c:v>-1198846.4682370201</c:v>
                </c:pt>
                <c:pt idx="793">
                  <c:v>-1198846.4682370201</c:v>
                </c:pt>
                <c:pt idx="794">
                  <c:v>-1198846.4682370201</c:v>
                </c:pt>
                <c:pt idx="795">
                  <c:v>-1198811.1538023399</c:v>
                </c:pt>
                <c:pt idx="796">
                  <c:v>-1198685.8121740001</c:v>
                </c:pt>
                <c:pt idx="797">
                  <c:v>-1179683.72767741</c:v>
                </c:pt>
                <c:pt idx="798">
                  <c:v>-1179523.07161439</c:v>
                </c:pt>
                <c:pt idx="799">
                  <c:v>-1179523.07161439</c:v>
                </c:pt>
                <c:pt idx="800">
                  <c:v>-1179523.07161439</c:v>
                </c:pt>
                <c:pt idx="801">
                  <c:v>-1179501.59519995</c:v>
                </c:pt>
                <c:pt idx="802">
                  <c:v>-1179501.59519995</c:v>
                </c:pt>
                <c:pt idx="803">
                  <c:v>-1178663.8728601199</c:v>
                </c:pt>
                <c:pt idx="804">
                  <c:v>-1178663.8728601199</c:v>
                </c:pt>
                <c:pt idx="805">
                  <c:v>-1178663.8728601199</c:v>
                </c:pt>
                <c:pt idx="806">
                  <c:v>-1178663.8728601199</c:v>
                </c:pt>
                <c:pt idx="807">
                  <c:v>-1178663.8728601199</c:v>
                </c:pt>
                <c:pt idx="808">
                  <c:v>-1178663.8728601199</c:v>
                </c:pt>
                <c:pt idx="809">
                  <c:v>-1178663.8728601199</c:v>
                </c:pt>
                <c:pt idx="810">
                  <c:v>-1178663.8728601199</c:v>
                </c:pt>
                <c:pt idx="811">
                  <c:v>-1176438.6430519801</c:v>
                </c:pt>
                <c:pt idx="812">
                  <c:v>-1176438.6430519801</c:v>
                </c:pt>
                <c:pt idx="813">
                  <c:v>-1175843.97402334</c:v>
                </c:pt>
                <c:pt idx="814">
                  <c:v>-1175699.66923053</c:v>
                </c:pt>
                <c:pt idx="815">
                  <c:v>-1174112.0726571199</c:v>
                </c:pt>
                <c:pt idx="816">
                  <c:v>-1174112.0726571199</c:v>
                </c:pt>
                <c:pt idx="817">
                  <c:v>-1174112.0726571199</c:v>
                </c:pt>
                <c:pt idx="818">
                  <c:v>-1174112.0726571199</c:v>
                </c:pt>
                <c:pt idx="819">
                  <c:v>-1174112.0726571199</c:v>
                </c:pt>
                <c:pt idx="820">
                  <c:v>-1174112.0726571199</c:v>
                </c:pt>
                <c:pt idx="821">
                  <c:v>-1173378.07143276</c:v>
                </c:pt>
                <c:pt idx="822">
                  <c:v>-1173378.07143276</c:v>
                </c:pt>
                <c:pt idx="823">
                  <c:v>-1173378.07143276</c:v>
                </c:pt>
                <c:pt idx="824">
                  <c:v>-1173378.07143276</c:v>
                </c:pt>
                <c:pt idx="825">
                  <c:v>-1170607.26695452</c:v>
                </c:pt>
                <c:pt idx="826">
                  <c:v>-1170607.26695452</c:v>
                </c:pt>
                <c:pt idx="827">
                  <c:v>-1170607.26695452</c:v>
                </c:pt>
                <c:pt idx="828">
                  <c:v>-1170607.26695452</c:v>
                </c:pt>
                <c:pt idx="829">
                  <c:v>-1170607.26695452</c:v>
                </c:pt>
                <c:pt idx="830">
                  <c:v>-1170607.26695452</c:v>
                </c:pt>
                <c:pt idx="831">
                  <c:v>-1169330.2854413299</c:v>
                </c:pt>
                <c:pt idx="832">
                  <c:v>-1169330.2854413299</c:v>
                </c:pt>
                <c:pt idx="833">
                  <c:v>-1169330.2854413299</c:v>
                </c:pt>
                <c:pt idx="834">
                  <c:v>-1169330.2854413299</c:v>
                </c:pt>
                <c:pt idx="835">
                  <c:v>-1169330.2854413299</c:v>
                </c:pt>
                <c:pt idx="836">
                  <c:v>-1169330.2854413299</c:v>
                </c:pt>
                <c:pt idx="837">
                  <c:v>-1169330.2854413299</c:v>
                </c:pt>
                <c:pt idx="838">
                  <c:v>-1169330.2854413299</c:v>
                </c:pt>
                <c:pt idx="839">
                  <c:v>-1169330.2854413299</c:v>
                </c:pt>
                <c:pt idx="840">
                  <c:v>-1169330.2854413299</c:v>
                </c:pt>
                <c:pt idx="841">
                  <c:v>-1169330.2854413299</c:v>
                </c:pt>
                <c:pt idx="842">
                  <c:v>-1169330.2854413299</c:v>
                </c:pt>
                <c:pt idx="843">
                  <c:v>-1169330.2854413299</c:v>
                </c:pt>
                <c:pt idx="844">
                  <c:v>-1169330.2854413299</c:v>
                </c:pt>
                <c:pt idx="845">
                  <c:v>-1169330.2854413299</c:v>
                </c:pt>
                <c:pt idx="846">
                  <c:v>-1169330.2854413299</c:v>
                </c:pt>
                <c:pt idx="847">
                  <c:v>-1169330.2854413299</c:v>
                </c:pt>
                <c:pt idx="848">
                  <c:v>-1169330.2854413299</c:v>
                </c:pt>
                <c:pt idx="849">
                  <c:v>-1169330.2854413299</c:v>
                </c:pt>
                <c:pt idx="850">
                  <c:v>-1169330.2854413299</c:v>
                </c:pt>
                <c:pt idx="851">
                  <c:v>-1169330.2854413299</c:v>
                </c:pt>
                <c:pt idx="852">
                  <c:v>-1169330.2854413299</c:v>
                </c:pt>
                <c:pt idx="853">
                  <c:v>-1169330.2854413299</c:v>
                </c:pt>
                <c:pt idx="854">
                  <c:v>-1169330.2854413299</c:v>
                </c:pt>
                <c:pt idx="855">
                  <c:v>-1169330.2854413299</c:v>
                </c:pt>
                <c:pt idx="856">
                  <c:v>-1169330.2854413299</c:v>
                </c:pt>
                <c:pt idx="857">
                  <c:v>-1169330.2854413299</c:v>
                </c:pt>
                <c:pt idx="858">
                  <c:v>-1169330.2854413299</c:v>
                </c:pt>
                <c:pt idx="859">
                  <c:v>-1169330.2854413299</c:v>
                </c:pt>
                <c:pt idx="860">
                  <c:v>-1169330.2854413299</c:v>
                </c:pt>
                <c:pt idx="861">
                  <c:v>-1169330.2854413299</c:v>
                </c:pt>
                <c:pt idx="862">
                  <c:v>-1169330.2854413299</c:v>
                </c:pt>
                <c:pt idx="863">
                  <c:v>-1169330.2854413299</c:v>
                </c:pt>
                <c:pt idx="864">
                  <c:v>-1169330.2854413299</c:v>
                </c:pt>
                <c:pt idx="865">
                  <c:v>-1169330.2854413299</c:v>
                </c:pt>
                <c:pt idx="866">
                  <c:v>-1168174.61740328</c:v>
                </c:pt>
                <c:pt idx="867">
                  <c:v>-1168174.61740328</c:v>
                </c:pt>
                <c:pt idx="868">
                  <c:v>-1167674.61740328</c:v>
                </c:pt>
                <c:pt idx="869">
                  <c:v>-1167674.61740328</c:v>
                </c:pt>
                <c:pt idx="870">
                  <c:v>-1167674.61740328</c:v>
                </c:pt>
                <c:pt idx="871">
                  <c:v>-1167674.61740328</c:v>
                </c:pt>
                <c:pt idx="872">
                  <c:v>-1167674.61740328</c:v>
                </c:pt>
                <c:pt idx="873">
                  <c:v>-1167674.61740328</c:v>
                </c:pt>
                <c:pt idx="874">
                  <c:v>-1167674.61740328</c:v>
                </c:pt>
                <c:pt idx="875">
                  <c:v>-1167674.61740328</c:v>
                </c:pt>
                <c:pt idx="876">
                  <c:v>-1167674.61740328</c:v>
                </c:pt>
                <c:pt idx="877">
                  <c:v>-1167674.61740328</c:v>
                </c:pt>
                <c:pt idx="878">
                  <c:v>-1167674.61740328</c:v>
                </c:pt>
                <c:pt idx="879">
                  <c:v>-1167209.1370718901</c:v>
                </c:pt>
                <c:pt idx="880">
                  <c:v>-1167209.1370718901</c:v>
                </c:pt>
                <c:pt idx="881">
                  <c:v>-1167209.1370718901</c:v>
                </c:pt>
                <c:pt idx="882">
                  <c:v>-1167209.1370718901</c:v>
                </c:pt>
                <c:pt idx="883">
                  <c:v>-1167209.1370718901</c:v>
                </c:pt>
                <c:pt idx="884">
                  <c:v>-1167209.1370718901</c:v>
                </c:pt>
                <c:pt idx="885">
                  <c:v>-1167209.1370718901</c:v>
                </c:pt>
                <c:pt idx="886">
                  <c:v>-1167209.1370718901</c:v>
                </c:pt>
                <c:pt idx="887">
                  <c:v>-1167209.1370718901</c:v>
                </c:pt>
                <c:pt idx="888">
                  <c:v>-1167209.1370718901</c:v>
                </c:pt>
                <c:pt idx="889">
                  <c:v>-1167209.1370718901</c:v>
                </c:pt>
                <c:pt idx="890">
                  <c:v>-1167209.1370718901</c:v>
                </c:pt>
                <c:pt idx="891">
                  <c:v>-1167209.1370718901</c:v>
                </c:pt>
                <c:pt idx="892">
                  <c:v>-1167209.1370718901</c:v>
                </c:pt>
                <c:pt idx="893">
                  <c:v>-1167209.1370718901</c:v>
                </c:pt>
                <c:pt idx="894">
                  <c:v>-1167209.1370718901</c:v>
                </c:pt>
                <c:pt idx="895">
                  <c:v>-1167209.1370718901</c:v>
                </c:pt>
                <c:pt idx="896">
                  <c:v>-1167209.1370718901</c:v>
                </c:pt>
                <c:pt idx="897">
                  <c:v>-1167209.1370718901</c:v>
                </c:pt>
                <c:pt idx="898">
                  <c:v>-1167209.1370718901</c:v>
                </c:pt>
                <c:pt idx="899">
                  <c:v>-1167209.1370718901</c:v>
                </c:pt>
                <c:pt idx="900">
                  <c:v>-1167209.1370718901</c:v>
                </c:pt>
                <c:pt idx="901">
                  <c:v>-1167209.1370718901</c:v>
                </c:pt>
                <c:pt idx="902">
                  <c:v>-1167209.1370718901</c:v>
                </c:pt>
                <c:pt idx="903">
                  <c:v>-1167121.4032822801</c:v>
                </c:pt>
                <c:pt idx="904">
                  <c:v>-1166794.92350952</c:v>
                </c:pt>
                <c:pt idx="905">
                  <c:v>-1166707.1897199</c:v>
                </c:pt>
                <c:pt idx="906">
                  <c:v>-1165985.67571329</c:v>
                </c:pt>
                <c:pt idx="907">
                  <c:v>-1165985.67571329</c:v>
                </c:pt>
                <c:pt idx="908">
                  <c:v>-1165985.67571329</c:v>
                </c:pt>
                <c:pt idx="909">
                  <c:v>-1165985.67571329</c:v>
                </c:pt>
                <c:pt idx="910">
                  <c:v>-1165985.67571329</c:v>
                </c:pt>
                <c:pt idx="911">
                  <c:v>-1165985.67571329</c:v>
                </c:pt>
                <c:pt idx="912">
                  <c:v>-1165985.67571329</c:v>
                </c:pt>
                <c:pt idx="913">
                  <c:v>-1165985.67571329</c:v>
                </c:pt>
                <c:pt idx="914">
                  <c:v>-1165985.67571329</c:v>
                </c:pt>
                <c:pt idx="915">
                  <c:v>-1165985.67571329</c:v>
                </c:pt>
                <c:pt idx="916">
                  <c:v>-1165985.67571329</c:v>
                </c:pt>
                <c:pt idx="917">
                  <c:v>-1165985.67571329</c:v>
                </c:pt>
                <c:pt idx="918">
                  <c:v>-1165985.67571329</c:v>
                </c:pt>
                <c:pt idx="919">
                  <c:v>-1165985.67571329</c:v>
                </c:pt>
                <c:pt idx="920">
                  <c:v>-1165985.67571329</c:v>
                </c:pt>
                <c:pt idx="921">
                  <c:v>-1165194.95537107</c:v>
                </c:pt>
                <c:pt idx="922">
                  <c:v>-1164634.57030177</c:v>
                </c:pt>
                <c:pt idx="923">
                  <c:v>-1164634.57030177</c:v>
                </c:pt>
                <c:pt idx="924">
                  <c:v>-1164634.57030177</c:v>
                </c:pt>
                <c:pt idx="925">
                  <c:v>-1164634.57030177</c:v>
                </c:pt>
                <c:pt idx="926">
                  <c:v>-1164634.57030177</c:v>
                </c:pt>
                <c:pt idx="927">
                  <c:v>-1164634.57030177</c:v>
                </c:pt>
                <c:pt idx="928">
                  <c:v>-1164634.57030177</c:v>
                </c:pt>
                <c:pt idx="929">
                  <c:v>-1164634.57030177</c:v>
                </c:pt>
                <c:pt idx="930">
                  <c:v>-1164634.57030177</c:v>
                </c:pt>
                <c:pt idx="931">
                  <c:v>-1164634.57030177</c:v>
                </c:pt>
                <c:pt idx="932">
                  <c:v>-1164634.57030177</c:v>
                </c:pt>
                <c:pt idx="933">
                  <c:v>-1164634.57030177</c:v>
                </c:pt>
                <c:pt idx="934">
                  <c:v>-1164634.57030177</c:v>
                </c:pt>
                <c:pt idx="935">
                  <c:v>-1164634.57030177</c:v>
                </c:pt>
                <c:pt idx="936">
                  <c:v>-1164634.57030177</c:v>
                </c:pt>
                <c:pt idx="937">
                  <c:v>-1164634.57030177</c:v>
                </c:pt>
                <c:pt idx="938">
                  <c:v>-1164634.57030177</c:v>
                </c:pt>
                <c:pt idx="939">
                  <c:v>-1164634.57030177</c:v>
                </c:pt>
                <c:pt idx="940">
                  <c:v>-1164634.57030177</c:v>
                </c:pt>
                <c:pt idx="941">
                  <c:v>-1164634.57030177</c:v>
                </c:pt>
                <c:pt idx="942">
                  <c:v>-1164634.57030177</c:v>
                </c:pt>
                <c:pt idx="943">
                  <c:v>-1164634.57030177</c:v>
                </c:pt>
                <c:pt idx="944">
                  <c:v>-1164634.57030177</c:v>
                </c:pt>
                <c:pt idx="945">
                  <c:v>-1164634.57030177</c:v>
                </c:pt>
                <c:pt idx="946">
                  <c:v>-1163467.71369883</c:v>
                </c:pt>
                <c:pt idx="947">
                  <c:v>-1163467.71369883</c:v>
                </c:pt>
                <c:pt idx="948">
                  <c:v>-1163467.71369883</c:v>
                </c:pt>
                <c:pt idx="949">
                  <c:v>-1163467.71369883</c:v>
                </c:pt>
                <c:pt idx="950">
                  <c:v>-1163467.71369883</c:v>
                </c:pt>
                <c:pt idx="951">
                  <c:v>-1163467.71369883</c:v>
                </c:pt>
                <c:pt idx="952">
                  <c:v>-1163467.71369883</c:v>
                </c:pt>
                <c:pt idx="953">
                  <c:v>-1163467.71369883</c:v>
                </c:pt>
                <c:pt idx="954">
                  <c:v>-1163467.71369883</c:v>
                </c:pt>
                <c:pt idx="955">
                  <c:v>-1163467.71369883</c:v>
                </c:pt>
                <c:pt idx="956">
                  <c:v>-1163467.71369883</c:v>
                </c:pt>
                <c:pt idx="957">
                  <c:v>-1163467.71369883</c:v>
                </c:pt>
                <c:pt idx="958">
                  <c:v>-1163467.71369883</c:v>
                </c:pt>
                <c:pt idx="959">
                  <c:v>-1163467.71369883</c:v>
                </c:pt>
                <c:pt idx="960">
                  <c:v>-1163467.71369883</c:v>
                </c:pt>
                <c:pt idx="961">
                  <c:v>-1163467.71369883</c:v>
                </c:pt>
                <c:pt idx="962">
                  <c:v>-1163467.71369883</c:v>
                </c:pt>
                <c:pt idx="963">
                  <c:v>-1163467.71369883</c:v>
                </c:pt>
                <c:pt idx="964">
                  <c:v>-1163467.71369883</c:v>
                </c:pt>
                <c:pt idx="965">
                  <c:v>-1163467.71369883</c:v>
                </c:pt>
                <c:pt idx="966">
                  <c:v>-1163467.71369883</c:v>
                </c:pt>
                <c:pt idx="967">
                  <c:v>-1163467.71369883</c:v>
                </c:pt>
                <c:pt idx="968">
                  <c:v>-1163467.71369883</c:v>
                </c:pt>
                <c:pt idx="969">
                  <c:v>-1163467.71369883</c:v>
                </c:pt>
                <c:pt idx="970">
                  <c:v>-1163467.71369883</c:v>
                </c:pt>
                <c:pt idx="971">
                  <c:v>-1163467.71369883</c:v>
                </c:pt>
                <c:pt idx="972">
                  <c:v>-1163467.71369883</c:v>
                </c:pt>
                <c:pt idx="973">
                  <c:v>-1163467.71369883</c:v>
                </c:pt>
                <c:pt idx="974">
                  <c:v>-1163467.71369883</c:v>
                </c:pt>
                <c:pt idx="975">
                  <c:v>-1163467.71369883</c:v>
                </c:pt>
                <c:pt idx="976">
                  <c:v>-1163467.71369883</c:v>
                </c:pt>
                <c:pt idx="977">
                  <c:v>-1163467.71369883</c:v>
                </c:pt>
                <c:pt idx="978">
                  <c:v>-1163467.71369883</c:v>
                </c:pt>
                <c:pt idx="979">
                  <c:v>-1163467.71369883</c:v>
                </c:pt>
                <c:pt idx="980">
                  <c:v>-1163467.71369883</c:v>
                </c:pt>
                <c:pt idx="981">
                  <c:v>-1160263.4782536901</c:v>
                </c:pt>
                <c:pt idx="982">
                  <c:v>-1160263.4782536901</c:v>
                </c:pt>
                <c:pt idx="983">
                  <c:v>-1159706.75186898</c:v>
                </c:pt>
                <c:pt idx="984">
                  <c:v>-1159706.75186898</c:v>
                </c:pt>
                <c:pt idx="985">
                  <c:v>-1159706.75186898</c:v>
                </c:pt>
                <c:pt idx="986">
                  <c:v>-1159706.75186898</c:v>
                </c:pt>
                <c:pt idx="987">
                  <c:v>-1159706.75186898</c:v>
                </c:pt>
                <c:pt idx="988">
                  <c:v>-1159706.75186898</c:v>
                </c:pt>
                <c:pt idx="989">
                  <c:v>-1159706.75186898</c:v>
                </c:pt>
                <c:pt idx="990">
                  <c:v>-1159706.75186898</c:v>
                </c:pt>
                <c:pt idx="991">
                  <c:v>-1159706.75186898</c:v>
                </c:pt>
                <c:pt idx="992">
                  <c:v>-1159706.75186898</c:v>
                </c:pt>
                <c:pt idx="993">
                  <c:v>-1159706.75186898</c:v>
                </c:pt>
                <c:pt idx="994">
                  <c:v>-1159706.75186898</c:v>
                </c:pt>
                <c:pt idx="995">
                  <c:v>-1159706.75186898</c:v>
                </c:pt>
                <c:pt idx="996">
                  <c:v>-1159706.75186898</c:v>
                </c:pt>
                <c:pt idx="997">
                  <c:v>-1159706.75186898</c:v>
                </c:pt>
                <c:pt idx="998">
                  <c:v>-1159706.75186898</c:v>
                </c:pt>
                <c:pt idx="999">
                  <c:v>-1159706.751868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8576-4D21-BE64-A0D511963F77}"/>
            </c:ext>
          </c:extLst>
        </c:ser>
        <c:ser>
          <c:idx val="1"/>
          <c:order val="1"/>
          <c:tx>
            <c:strRef>
              <c:f>genetic_hard_4_5000_100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hard_4_5000_100!$B$2:$B$1001</c:f>
              <c:numCache>
                <c:formatCode>General</c:formatCode>
                <c:ptCount val="1000"/>
                <c:pt idx="0">
                  <c:v>-20697355.214924801</c:v>
                </c:pt>
                <c:pt idx="1">
                  <c:v>-19565561.957502</c:v>
                </c:pt>
                <c:pt idx="2">
                  <c:v>-19262826.028609101</c:v>
                </c:pt>
                <c:pt idx="3">
                  <c:v>-19008469.0852364</c:v>
                </c:pt>
                <c:pt idx="4">
                  <c:v>-18750232.954835001</c:v>
                </c:pt>
                <c:pt idx="5">
                  <c:v>-18349591.775982801</c:v>
                </c:pt>
                <c:pt idx="6">
                  <c:v>-17938623.967239</c:v>
                </c:pt>
                <c:pt idx="7">
                  <c:v>-17589730.634902</c:v>
                </c:pt>
                <c:pt idx="8">
                  <c:v>-17208777.664625701</c:v>
                </c:pt>
                <c:pt idx="9">
                  <c:v>-17084798.220323902</c:v>
                </c:pt>
                <c:pt idx="10">
                  <c:v>-16788021.910222199</c:v>
                </c:pt>
                <c:pt idx="11">
                  <c:v>-16658217.0011588</c:v>
                </c:pt>
                <c:pt idx="12">
                  <c:v>-16197043.6138718</c:v>
                </c:pt>
                <c:pt idx="13">
                  <c:v>-16168421.7858641</c:v>
                </c:pt>
                <c:pt idx="14">
                  <c:v>-15774562.885883899</c:v>
                </c:pt>
                <c:pt idx="15">
                  <c:v>-15393303.5455439</c:v>
                </c:pt>
                <c:pt idx="16">
                  <c:v>-15319781.3089233</c:v>
                </c:pt>
                <c:pt idx="17">
                  <c:v>-14964077.4332442</c:v>
                </c:pt>
                <c:pt idx="18">
                  <c:v>-14702527.029322101</c:v>
                </c:pt>
                <c:pt idx="19">
                  <c:v>-14485369.536066899</c:v>
                </c:pt>
                <c:pt idx="20">
                  <c:v>-14281066.1137738</c:v>
                </c:pt>
                <c:pt idx="21">
                  <c:v>-14109901.8486591</c:v>
                </c:pt>
                <c:pt idx="22">
                  <c:v>-13546534.479413999</c:v>
                </c:pt>
                <c:pt idx="23">
                  <c:v>-13345827.501481101</c:v>
                </c:pt>
                <c:pt idx="24">
                  <c:v>-13281142.0618165</c:v>
                </c:pt>
                <c:pt idx="25">
                  <c:v>-13137559.018368199</c:v>
                </c:pt>
                <c:pt idx="26">
                  <c:v>-12986353.139927</c:v>
                </c:pt>
                <c:pt idx="27">
                  <c:v>-13008477.1329589</c:v>
                </c:pt>
                <c:pt idx="28">
                  <c:v>-12859451.5733702</c:v>
                </c:pt>
                <c:pt idx="29">
                  <c:v>-12575964.7881286</c:v>
                </c:pt>
                <c:pt idx="30">
                  <c:v>-12333842.122321101</c:v>
                </c:pt>
                <c:pt idx="31">
                  <c:v>-12195514.518205199</c:v>
                </c:pt>
                <c:pt idx="32">
                  <c:v>-12129396.891875099</c:v>
                </c:pt>
                <c:pt idx="33">
                  <c:v>-11992232.0461275</c:v>
                </c:pt>
                <c:pt idx="34">
                  <c:v>-11820395.330329301</c:v>
                </c:pt>
                <c:pt idx="35">
                  <c:v>-11766015.6100633</c:v>
                </c:pt>
                <c:pt idx="36">
                  <c:v>-11830087.2583858</c:v>
                </c:pt>
                <c:pt idx="37">
                  <c:v>-11533728.053993501</c:v>
                </c:pt>
                <c:pt idx="38">
                  <c:v>-11415029.624728501</c:v>
                </c:pt>
                <c:pt idx="39">
                  <c:v>-11179864.837964499</c:v>
                </c:pt>
                <c:pt idx="40">
                  <c:v>-11149015.7611026</c:v>
                </c:pt>
                <c:pt idx="41">
                  <c:v>-11019637.9786846</c:v>
                </c:pt>
                <c:pt idx="42">
                  <c:v>-10972599.2838715</c:v>
                </c:pt>
                <c:pt idx="43">
                  <c:v>-10914192.862603299</c:v>
                </c:pt>
                <c:pt idx="44">
                  <c:v>-10643334.455124401</c:v>
                </c:pt>
                <c:pt idx="45">
                  <c:v>-10608273.527152799</c:v>
                </c:pt>
                <c:pt idx="46">
                  <c:v>-10495081.6656668</c:v>
                </c:pt>
                <c:pt idx="47">
                  <c:v>-10301341.449501701</c:v>
                </c:pt>
                <c:pt idx="48">
                  <c:v>-10126358.501699001</c:v>
                </c:pt>
                <c:pt idx="49">
                  <c:v>-10017815.8426836</c:v>
                </c:pt>
                <c:pt idx="50">
                  <c:v>-9851187.4891246893</c:v>
                </c:pt>
                <c:pt idx="51">
                  <c:v>-9807657.9054492395</c:v>
                </c:pt>
                <c:pt idx="52">
                  <c:v>-9726041.1985162403</c:v>
                </c:pt>
                <c:pt idx="53">
                  <c:v>-9711388.6957254801</c:v>
                </c:pt>
                <c:pt idx="54">
                  <c:v>-9610421.31286126</c:v>
                </c:pt>
                <c:pt idx="55">
                  <c:v>-9559310.3593325298</c:v>
                </c:pt>
                <c:pt idx="56">
                  <c:v>-9477248.6624362208</c:v>
                </c:pt>
                <c:pt idx="57">
                  <c:v>-9435821.1507654805</c:v>
                </c:pt>
                <c:pt idx="58">
                  <c:v>-9287369.5417864192</c:v>
                </c:pt>
                <c:pt idx="59">
                  <c:v>-9262881.4335345998</c:v>
                </c:pt>
                <c:pt idx="60">
                  <c:v>-9234961.1586659998</c:v>
                </c:pt>
                <c:pt idx="61">
                  <c:v>-8965901.7274521403</c:v>
                </c:pt>
                <c:pt idx="62">
                  <c:v>-8945847.8469069395</c:v>
                </c:pt>
                <c:pt idx="63">
                  <c:v>-8841979.4370945301</c:v>
                </c:pt>
                <c:pt idx="64">
                  <c:v>-8764785.2456792705</c:v>
                </c:pt>
                <c:pt idx="65">
                  <c:v>-8697419.5198386107</c:v>
                </c:pt>
                <c:pt idx="66">
                  <c:v>-8629079.6307294704</c:v>
                </c:pt>
                <c:pt idx="67">
                  <c:v>-8608668.9001110606</c:v>
                </c:pt>
                <c:pt idx="68">
                  <c:v>-8569321.6974182408</c:v>
                </c:pt>
                <c:pt idx="69">
                  <c:v>-8473809.9968574904</c:v>
                </c:pt>
                <c:pt idx="70">
                  <c:v>-8436265.9323429503</c:v>
                </c:pt>
                <c:pt idx="71">
                  <c:v>-8283770.7099737003</c:v>
                </c:pt>
                <c:pt idx="72">
                  <c:v>-8279522.7800399298</c:v>
                </c:pt>
                <c:pt idx="73">
                  <c:v>-8274798.71296826</c:v>
                </c:pt>
                <c:pt idx="74">
                  <c:v>-8218576.0381167596</c:v>
                </c:pt>
                <c:pt idx="75">
                  <c:v>-8179022.1135232197</c:v>
                </c:pt>
                <c:pt idx="76">
                  <c:v>-8155381.0206978898</c:v>
                </c:pt>
                <c:pt idx="77">
                  <c:v>-8012035.3500318499</c:v>
                </c:pt>
                <c:pt idx="78">
                  <c:v>-7974926.0493292296</c:v>
                </c:pt>
                <c:pt idx="79">
                  <c:v>-7939197.5173444496</c:v>
                </c:pt>
                <c:pt idx="80">
                  <c:v>-7777404.3412640197</c:v>
                </c:pt>
                <c:pt idx="81">
                  <c:v>-7713625.4439039296</c:v>
                </c:pt>
                <c:pt idx="82">
                  <c:v>-7728567.6124902703</c:v>
                </c:pt>
                <c:pt idx="83">
                  <c:v>-7760710.1999930497</c:v>
                </c:pt>
                <c:pt idx="84">
                  <c:v>-7550207.3397612497</c:v>
                </c:pt>
                <c:pt idx="85">
                  <c:v>-7621182.7786205597</c:v>
                </c:pt>
                <c:pt idx="86">
                  <c:v>-7524046.0012716698</c:v>
                </c:pt>
                <c:pt idx="87">
                  <c:v>-7437725.9267258104</c:v>
                </c:pt>
                <c:pt idx="88">
                  <c:v>-7513360.0642801598</c:v>
                </c:pt>
                <c:pt idx="89">
                  <c:v>-7502434.95593304</c:v>
                </c:pt>
                <c:pt idx="90">
                  <c:v>-7355551.7839589799</c:v>
                </c:pt>
                <c:pt idx="91">
                  <c:v>-7350892.0704294201</c:v>
                </c:pt>
                <c:pt idx="92">
                  <c:v>-7224382.44297342</c:v>
                </c:pt>
                <c:pt idx="93">
                  <c:v>-7216257.2221535603</c:v>
                </c:pt>
                <c:pt idx="94">
                  <c:v>-7088015.1646890799</c:v>
                </c:pt>
                <c:pt idx="95">
                  <c:v>-7022280.8939929698</c:v>
                </c:pt>
                <c:pt idx="96">
                  <c:v>-7137373.8078007502</c:v>
                </c:pt>
                <c:pt idx="97">
                  <c:v>-7038506.3242712701</c:v>
                </c:pt>
                <c:pt idx="98">
                  <c:v>-6880322.7207624801</c:v>
                </c:pt>
                <c:pt idx="99">
                  <c:v>-6854262.3750959001</c:v>
                </c:pt>
                <c:pt idx="100">
                  <c:v>-6829368.6919561196</c:v>
                </c:pt>
                <c:pt idx="101">
                  <c:v>-6699824.5627079904</c:v>
                </c:pt>
                <c:pt idx="102">
                  <c:v>-6737902.6938135996</c:v>
                </c:pt>
                <c:pt idx="103">
                  <c:v>-6653370.1220882405</c:v>
                </c:pt>
                <c:pt idx="104">
                  <c:v>-6602796.3676613402</c:v>
                </c:pt>
                <c:pt idx="105">
                  <c:v>-6609520.7591248602</c:v>
                </c:pt>
                <c:pt idx="106">
                  <c:v>-6615391.3611284802</c:v>
                </c:pt>
                <c:pt idx="107">
                  <c:v>-6672302.5224841703</c:v>
                </c:pt>
                <c:pt idx="108">
                  <c:v>-6549032.9547472298</c:v>
                </c:pt>
                <c:pt idx="109">
                  <c:v>-6502008.6175252004</c:v>
                </c:pt>
                <c:pt idx="110">
                  <c:v>-6375845.5349550098</c:v>
                </c:pt>
                <c:pt idx="111">
                  <c:v>-6338519.3143723998</c:v>
                </c:pt>
                <c:pt idx="112">
                  <c:v>-6251623.9177540801</c:v>
                </c:pt>
                <c:pt idx="113">
                  <c:v>-6268033.7988649299</c:v>
                </c:pt>
                <c:pt idx="114">
                  <c:v>-6213769.2009615796</c:v>
                </c:pt>
                <c:pt idx="115">
                  <c:v>-6269770.4062668895</c:v>
                </c:pt>
                <c:pt idx="116">
                  <c:v>-6314586.2815779299</c:v>
                </c:pt>
                <c:pt idx="117">
                  <c:v>-6246435.1316632004</c:v>
                </c:pt>
                <c:pt idx="118">
                  <c:v>-6264757.9330049297</c:v>
                </c:pt>
                <c:pt idx="119">
                  <c:v>-6240167.7439484904</c:v>
                </c:pt>
                <c:pt idx="120">
                  <c:v>-6137739.90534392</c:v>
                </c:pt>
                <c:pt idx="121">
                  <c:v>-6160156.3376507796</c:v>
                </c:pt>
                <c:pt idx="122">
                  <c:v>-6098025.3439969998</c:v>
                </c:pt>
                <c:pt idx="123">
                  <c:v>-6118216.5903626196</c:v>
                </c:pt>
                <c:pt idx="124">
                  <c:v>-6122545.4583667796</c:v>
                </c:pt>
                <c:pt idx="125">
                  <c:v>-5964075.2487808196</c:v>
                </c:pt>
                <c:pt idx="126">
                  <c:v>-5975740.0024121096</c:v>
                </c:pt>
                <c:pt idx="127">
                  <c:v>-5928560.3058291497</c:v>
                </c:pt>
                <c:pt idx="128">
                  <c:v>-5843558.1104908204</c:v>
                </c:pt>
                <c:pt idx="129">
                  <c:v>-5829760.6761323502</c:v>
                </c:pt>
                <c:pt idx="130">
                  <c:v>-5836477.3969090497</c:v>
                </c:pt>
                <c:pt idx="131">
                  <c:v>-5790935.7113677999</c:v>
                </c:pt>
                <c:pt idx="132">
                  <c:v>-5748330.4118040903</c:v>
                </c:pt>
                <c:pt idx="133">
                  <c:v>-5718913.2784123002</c:v>
                </c:pt>
                <c:pt idx="134">
                  <c:v>-5624340.1530649504</c:v>
                </c:pt>
                <c:pt idx="135">
                  <c:v>-5594524.9970331304</c:v>
                </c:pt>
                <c:pt idx="136">
                  <c:v>-5596534.2240325296</c:v>
                </c:pt>
                <c:pt idx="137">
                  <c:v>-5564774.0728207203</c:v>
                </c:pt>
                <c:pt idx="138">
                  <c:v>-5543984.4133125702</c:v>
                </c:pt>
                <c:pt idx="139">
                  <c:v>-5546015.3839546395</c:v>
                </c:pt>
                <c:pt idx="140">
                  <c:v>-5481846.6000098996</c:v>
                </c:pt>
                <c:pt idx="141">
                  <c:v>-5565998.9373311903</c:v>
                </c:pt>
                <c:pt idx="142">
                  <c:v>-5426561.0270479498</c:v>
                </c:pt>
                <c:pt idx="143">
                  <c:v>-5336194.2569140103</c:v>
                </c:pt>
                <c:pt idx="144">
                  <c:v>-5292938.8357091602</c:v>
                </c:pt>
                <c:pt idx="145">
                  <c:v>-5254802.5192281697</c:v>
                </c:pt>
                <c:pt idx="146">
                  <c:v>-5251495.4565735301</c:v>
                </c:pt>
                <c:pt idx="147">
                  <c:v>-5297427.2118598102</c:v>
                </c:pt>
                <c:pt idx="148">
                  <c:v>-5196338.7959089996</c:v>
                </c:pt>
                <c:pt idx="149">
                  <c:v>-5179904.4822402298</c:v>
                </c:pt>
                <c:pt idx="150">
                  <c:v>-5183198.4988546297</c:v>
                </c:pt>
                <c:pt idx="151">
                  <c:v>-5188302.1896281699</c:v>
                </c:pt>
                <c:pt idx="152">
                  <c:v>-5281870.7880329601</c:v>
                </c:pt>
                <c:pt idx="153">
                  <c:v>-5141588.4304061001</c:v>
                </c:pt>
                <c:pt idx="154">
                  <c:v>-5114295.10487126</c:v>
                </c:pt>
                <c:pt idx="155">
                  <c:v>-5035977.5206256099</c:v>
                </c:pt>
                <c:pt idx="156">
                  <c:v>-5010948.6447817003</c:v>
                </c:pt>
                <c:pt idx="157">
                  <c:v>-4933718.0696991701</c:v>
                </c:pt>
                <c:pt idx="158">
                  <c:v>-4935700.3209137497</c:v>
                </c:pt>
                <c:pt idx="159">
                  <c:v>-4877733.9167037802</c:v>
                </c:pt>
                <c:pt idx="160">
                  <c:v>-4910079.3459349303</c:v>
                </c:pt>
                <c:pt idx="161">
                  <c:v>-4915789.8163868198</c:v>
                </c:pt>
                <c:pt idx="162">
                  <c:v>-4864616.0682330597</c:v>
                </c:pt>
                <c:pt idx="163">
                  <c:v>-4817463.5403564898</c:v>
                </c:pt>
                <c:pt idx="164">
                  <c:v>-4843122.3300818196</c:v>
                </c:pt>
                <c:pt idx="165">
                  <c:v>-4889955.4289412899</c:v>
                </c:pt>
                <c:pt idx="166">
                  <c:v>-4791316.5563586699</c:v>
                </c:pt>
                <c:pt idx="167">
                  <c:v>-4736602.5661300598</c:v>
                </c:pt>
                <c:pt idx="168">
                  <c:v>-4690180.6289539998</c:v>
                </c:pt>
                <c:pt idx="169">
                  <c:v>-4695258.36010803</c:v>
                </c:pt>
                <c:pt idx="170">
                  <c:v>-4699996.2799888002</c:v>
                </c:pt>
                <c:pt idx="171">
                  <c:v>-4635854.6044634599</c:v>
                </c:pt>
                <c:pt idx="172">
                  <c:v>-4603154.24264671</c:v>
                </c:pt>
                <c:pt idx="173">
                  <c:v>-4532030.7579333903</c:v>
                </c:pt>
                <c:pt idx="174">
                  <c:v>-4541473.4497023504</c:v>
                </c:pt>
                <c:pt idx="175">
                  <c:v>-4564338.6318846699</c:v>
                </c:pt>
                <c:pt idx="176">
                  <c:v>-4500626.3541788701</c:v>
                </c:pt>
                <c:pt idx="177">
                  <c:v>-4503145.1321449196</c:v>
                </c:pt>
                <c:pt idx="178">
                  <c:v>-4550250.7124048201</c:v>
                </c:pt>
                <c:pt idx="179">
                  <c:v>-4490136.90387813</c:v>
                </c:pt>
                <c:pt idx="180">
                  <c:v>-4504359.3007420497</c:v>
                </c:pt>
                <c:pt idx="181">
                  <c:v>-4507484.9976956798</c:v>
                </c:pt>
                <c:pt idx="182">
                  <c:v>-4493130.5560197104</c:v>
                </c:pt>
                <c:pt idx="183">
                  <c:v>-4476307.3440308999</c:v>
                </c:pt>
                <c:pt idx="184">
                  <c:v>-4461483.9121214096</c:v>
                </c:pt>
                <c:pt idx="185">
                  <c:v>-4397304.3655672697</c:v>
                </c:pt>
                <c:pt idx="186">
                  <c:v>-4293762.4088426298</c:v>
                </c:pt>
                <c:pt idx="187">
                  <c:v>-4243867.5532257203</c:v>
                </c:pt>
                <c:pt idx="188">
                  <c:v>-4296939.0849883901</c:v>
                </c:pt>
                <c:pt idx="189">
                  <c:v>-4304743.0175383296</c:v>
                </c:pt>
                <c:pt idx="190">
                  <c:v>-4212089.3350708103</c:v>
                </c:pt>
                <c:pt idx="191">
                  <c:v>-4182874.7413591598</c:v>
                </c:pt>
                <c:pt idx="192">
                  <c:v>-4259929.7318534004</c:v>
                </c:pt>
                <c:pt idx="193">
                  <c:v>-4185059.2078370401</c:v>
                </c:pt>
                <c:pt idx="194">
                  <c:v>-4109514.3752809698</c:v>
                </c:pt>
                <c:pt idx="195">
                  <c:v>-4089276.4429738098</c:v>
                </c:pt>
                <c:pt idx="196">
                  <c:v>-4078181.8785456498</c:v>
                </c:pt>
                <c:pt idx="197">
                  <c:v>-4090795.3675448499</c:v>
                </c:pt>
                <c:pt idx="198">
                  <c:v>-4093722.3392881099</c:v>
                </c:pt>
                <c:pt idx="199">
                  <c:v>-4064088.2739963699</c:v>
                </c:pt>
                <c:pt idx="200">
                  <c:v>-4046519.0948254899</c:v>
                </c:pt>
                <c:pt idx="201">
                  <c:v>-3981252.0595444799</c:v>
                </c:pt>
                <c:pt idx="202">
                  <c:v>-4020399.7251587701</c:v>
                </c:pt>
                <c:pt idx="203">
                  <c:v>-4039074.7423091498</c:v>
                </c:pt>
                <c:pt idx="204">
                  <c:v>-3916222.1175397998</c:v>
                </c:pt>
                <c:pt idx="205">
                  <c:v>-3919211.9373614802</c:v>
                </c:pt>
                <c:pt idx="206">
                  <c:v>-3973276.61534078</c:v>
                </c:pt>
                <c:pt idx="207">
                  <c:v>-3912064.21443386</c:v>
                </c:pt>
                <c:pt idx="208">
                  <c:v>-3916707.32519197</c:v>
                </c:pt>
                <c:pt idx="209">
                  <c:v>-3846458.8447437799</c:v>
                </c:pt>
                <c:pt idx="210">
                  <c:v>-3861067.9256341602</c:v>
                </c:pt>
                <c:pt idx="211">
                  <c:v>-3812123.0610261299</c:v>
                </c:pt>
                <c:pt idx="212">
                  <c:v>-3787435.72215431</c:v>
                </c:pt>
                <c:pt idx="213">
                  <c:v>-3866984.4873040998</c:v>
                </c:pt>
                <c:pt idx="214">
                  <c:v>-3894075.8213583198</c:v>
                </c:pt>
                <c:pt idx="215">
                  <c:v>-3745781.0625529098</c:v>
                </c:pt>
                <c:pt idx="216">
                  <c:v>-3741362.3178656702</c:v>
                </c:pt>
                <c:pt idx="217">
                  <c:v>-3671483.1154393698</c:v>
                </c:pt>
                <c:pt idx="218">
                  <c:v>-3705987.9707133998</c:v>
                </c:pt>
                <c:pt idx="219">
                  <c:v>-3662155.2674090602</c:v>
                </c:pt>
                <c:pt idx="220">
                  <c:v>-3785667.37453885</c:v>
                </c:pt>
                <c:pt idx="221">
                  <c:v>-3685124.0912194401</c:v>
                </c:pt>
                <c:pt idx="222">
                  <c:v>-3693459.99692052</c:v>
                </c:pt>
                <c:pt idx="223">
                  <c:v>-3700477.8163415501</c:v>
                </c:pt>
                <c:pt idx="224">
                  <c:v>-3671447.2319031502</c:v>
                </c:pt>
                <c:pt idx="225">
                  <c:v>-3735138.14646402</c:v>
                </c:pt>
                <c:pt idx="226">
                  <c:v>-3647377.8768148101</c:v>
                </c:pt>
                <c:pt idx="227">
                  <c:v>-3635135.5637575099</c:v>
                </c:pt>
                <c:pt idx="228">
                  <c:v>-3573235.86795511</c:v>
                </c:pt>
                <c:pt idx="229">
                  <c:v>-3544777.08570921</c:v>
                </c:pt>
                <c:pt idx="230">
                  <c:v>-3570892.3529067901</c:v>
                </c:pt>
                <c:pt idx="231">
                  <c:v>-3538971.5783740799</c:v>
                </c:pt>
                <c:pt idx="232">
                  <c:v>-3543467.9170975401</c:v>
                </c:pt>
                <c:pt idx="233">
                  <c:v>-3476144.22845993</c:v>
                </c:pt>
                <c:pt idx="234">
                  <c:v>-3518896.0007064301</c:v>
                </c:pt>
                <c:pt idx="235">
                  <c:v>-3452933.1207133401</c:v>
                </c:pt>
                <c:pt idx="236">
                  <c:v>-3479169.7772391001</c:v>
                </c:pt>
                <c:pt idx="237">
                  <c:v>-3479874.23508792</c:v>
                </c:pt>
                <c:pt idx="238">
                  <c:v>-3493606.9521185802</c:v>
                </c:pt>
                <c:pt idx="239">
                  <c:v>-3468062.7776794699</c:v>
                </c:pt>
                <c:pt idx="240">
                  <c:v>-3454870.15605688</c:v>
                </c:pt>
                <c:pt idx="241">
                  <c:v>-3444145.9305627798</c:v>
                </c:pt>
                <c:pt idx="242">
                  <c:v>-3421436.5076687299</c:v>
                </c:pt>
                <c:pt idx="243">
                  <c:v>-3461751.5253136898</c:v>
                </c:pt>
                <c:pt idx="244">
                  <c:v>-3433807.7768265898</c:v>
                </c:pt>
                <c:pt idx="245">
                  <c:v>-3317694.1556016598</c:v>
                </c:pt>
                <c:pt idx="246">
                  <c:v>-3275949.5992648401</c:v>
                </c:pt>
                <c:pt idx="247">
                  <c:v>-3329658.4198959898</c:v>
                </c:pt>
                <c:pt idx="248">
                  <c:v>-3302803.3302476802</c:v>
                </c:pt>
                <c:pt idx="249">
                  <c:v>-3320975.1661963598</c:v>
                </c:pt>
                <c:pt idx="250">
                  <c:v>-3333020.8891226901</c:v>
                </c:pt>
                <c:pt idx="251">
                  <c:v>-3279874.1331150602</c:v>
                </c:pt>
                <c:pt idx="252">
                  <c:v>-3287726.3290384398</c:v>
                </c:pt>
                <c:pt idx="253">
                  <c:v>-3326950.2782518398</c:v>
                </c:pt>
                <c:pt idx="254">
                  <c:v>-3208648.35828012</c:v>
                </c:pt>
                <c:pt idx="255">
                  <c:v>-3195742.0976754702</c:v>
                </c:pt>
                <c:pt idx="256">
                  <c:v>-3280000.49726866</c:v>
                </c:pt>
                <c:pt idx="257">
                  <c:v>-3210139.0669424701</c:v>
                </c:pt>
                <c:pt idx="258">
                  <c:v>-3285226.0347020999</c:v>
                </c:pt>
                <c:pt idx="259">
                  <c:v>-3242843.4889477198</c:v>
                </c:pt>
                <c:pt idx="260">
                  <c:v>-3228064.92734638</c:v>
                </c:pt>
                <c:pt idx="261">
                  <c:v>-3181931.4611030398</c:v>
                </c:pt>
                <c:pt idx="262">
                  <c:v>-3235330.4731022799</c:v>
                </c:pt>
                <c:pt idx="263">
                  <c:v>-3244955.8299253499</c:v>
                </c:pt>
                <c:pt idx="264">
                  <c:v>-3177645.9843184301</c:v>
                </c:pt>
                <c:pt idx="265">
                  <c:v>-3155877.0149193099</c:v>
                </c:pt>
                <c:pt idx="266">
                  <c:v>-3105888.7550837598</c:v>
                </c:pt>
                <c:pt idx="267">
                  <c:v>-3086046.6751418598</c:v>
                </c:pt>
                <c:pt idx="268">
                  <c:v>-3118548.7004854898</c:v>
                </c:pt>
                <c:pt idx="269">
                  <c:v>-3151067.1350382599</c:v>
                </c:pt>
                <c:pt idx="270">
                  <c:v>-3190158.2860402898</c:v>
                </c:pt>
                <c:pt idx="271">
                  <c:v>-3060790.6840076102</c:v>
                </c:pt>
                <c:pt idx="272">
                  <c:v>-3170564.5532216802</c:v>
                </c:pt>
                <c:pt idx="273">
                  <c:v>-3078818.4954704298</c:v>
                </c:pt>
                <c:pt idx="274">
                  <c:v>-3090053.14537114</c:v>
                </c:pt>
                <c:pt idx="275">
                  <c:v>-3094759.35334838</c:v>
                </c:pt>
                <c:pt idx="276">
                  <c:v>-3096323.7686014902</c:v>
                </c:pt>
                <c:pt idx="277">
                  <c:v>-3037738.83818324</c:v>
                </c:pt>
                <c:pt idx="278">
                  <c:v>-3007013.1359982002</c:v>
                </c:pt>
                <c:pt idx="279">
                  <c:v>-2960264.1831119899</c:v>
                </c:pt>
                <c:pt idx="280">
                  <c:v>-3061046.0166317099</c:v>
                </c:pt>
                <c:pt idx="281">
                  <c:v>-2963543.2112320401</c:v>
                </c:pt>
                <c:pt idx="282">
                  <c:v>-2900149.11814364</c:v>
                </c:pt>
                <c:pt idx="283">
                  <c:v>-2946400.1308233198</c:v>
                </c:pt>
                <c:pt idx="284">
                  <c:v>-2962848.2652811501</c:v>
                </c:pt>
                <c:pt idx="285">
                  <c:v>-2964681.4683574298</c:v>
                </c:pt>
                <c:pt idx="286">
                  <c:v>-2947709.5882978402</c:v>
                </c:pt>
                <c:pt idx="287">
                  <c:v>-2931781.8485962399</c:v>
                </c:pt>
                <c:pt idx="288">
                  <c:v>-2996773.81453944</c:v>
                </c:pt>
                <c:pt idx="289">
                  <c:v>-2909907.4137524199</c:v>
                </c:pt>
                <c:pt idx="290">
                  <c:v>-2922639.3909696699</c:v>
                </c:pt>
                <c:pt idx="291">
                  <c:v>-2867265.1275785398</c:v>
                </c:pt>
                <c:pt idx="292">
                  <c:v>-2853198.5441487902</c:v>
                </c:pt>
                <c:pt idx="293">
                  <c:v>-2906403.3683507899</c:v>
                </c:pt>
                <c:pt idx="294">
                  <c:v>-2967610.8949936498</c:v>
                </c:pt>
                <c:pt idx="295">
                  <c:v>-2926699.7411612198</c:v>
                </c:pt>
                <c:pt idx="296">
                  <c:v>-2847451.9708925299</c:v>
                </c:pt>
                <c:pt idx="297">
                  <c:v>-2908264.3209136701</c:v>
                </c:pt>
                <c:pt idx="298">
                  <c:v>-2961201.40090195</c:v>
                </c:pt>
                <c:pt idx="299">
                  <c:v>-2897990.1659233901</c:v>
                </c:pt>
                <c:pt idx="300">
                  <c:v>-2930983.4311318202</c:v>
                </c:pt>
                <c:pt idx="301">
                  <c:v>-2888482.0393859502</c:v>
                </c:pt>
                <c:pt idx="302">
                  <c:v>-2867324.55055058</c:v>
                </c:pt>
                <c:pt idx="303">
                  <c:v>-2740812.6240474498</c:v>
                </c:pt>
                <c:pt idx="304">
                  <c:v>-2758610.58804315</c:v>
                </c:pt>
                <c:pt idx="305">
                  <c:v>-2751054.5136722699</c:v>
                </c:pt>
                <c:pt idx="306">
                  <c:v>-2767449.1987563702</c:v>
                </c:pt>
                <c:pt idx="307">
                  <c:v>-2740298.7980986</c:v>
                </c:pt>
                <c:pt idx="308">
                  <c:v>-2734514.7852187702</c:v>
                </c:pt>
                <c:pt idx="309">
                  <c:v>-2806797.7373277899</c:v>
                </c:pt>
                <c:pt idx="310">
                  <c:v>-2793687.3675768701</c:v>
                </c:pt>
                <c:pt idx="311">
                  <c:v>-2727033.1870834101</c:v>
                </c:pt>
                <c:pt idx="312">
                  <c:v>-2720620.49440159</c:v>
                </c:pt>
                <c:pt idx="313">
                  <c:v>-2679952.5003811098</c:v>
                </c:pt>
                <c:pt idx="314">
                  <c:v>-2726366.2809101599</c:v>
                </c:pt>
                <c:pt idx="315">
                  <c:v>-2731470.1860959898</c:v>
                </c:pt>
                <c:pt idx="316">
                  <c:v>-2674098.7568409699</c:v>
                </c:pt>
                <c:pt idx="317">
                  <c:v>-2714159.0150166098</c:v>
                </c:pt>
                <c:pt idx="318">
                  <c:v>-2691469.9822145998</c:v>
                </c:pt>
                <c:pt idx="319">
                  <c:v>-2729344.14461812</c:v>
                </c:pt>
                <c:pt idx="320">
                  <c:v>-2708100.2366462098</c:v>
                </c:pt>
                <c:pt idx="321">
                  <c:v>-2678214.4510825099</c:v>
                </c:pt>
                <c:pt idx="322">
                  <c:v>-2675892.1308749202</c:v>
                </c:pt>
                <c:pt idx="323">
                  <c:v>-2820785.6347959498</c:v>
                </c:pt>
                <c:pt idx="324">
                  <c:v>-2729624.0710777701</c:v>
                </c:pt>
                <c:pt idx="325">
                  <c:v>-2631154.30952146</c:v>
                </c:pt>
                <c:pt idx="326">
                  <c:v>-2675849.87258005</c:v>
                </c:pt>
                <c:pt idx="327">
                  <c:v>-2705575.8194432599</c:v>
                </c:pt>
                <c:pt idx="328">
                  <c:v>-2630535.4976860401</c:v>
                </c:pt>
                <c:pt idx="329">
                  <c:v>-2637394.7057141201</c:v>
                </c:pt>
                <c:pt idx="330">
                  <c:v>-2630366.83962894</c:v>
                </c:pt>
                <c:pt idx="331">
                  <c:v>-2635788.89409592</c:v>
                </c:pt>
                <c:pt idx="332">
                  <c:v>-2594793.6437711199</c:v>
                </c:pt>
                <c:pt idx="333">
                  <c:v>-2704166.9591649799</c:v>
                </c:pt>
                <c:pt idx="334">
                  <c:v>-2573064.3656803099</c:v>
                </c:pt>
                <c:pt idx="335">
                  <c:v>-2567282.7837328198</c:v>
                </c:pt>
                <c:pt idx="336">
                  <c:v>-2553682.0197389801</c:v>
                </c:pt>
                <c:pt idx="337">
                  <c:v>-2471776.9080629102</c:v>
                </c:pt>
                <c:pt idx="338">
                  <c:v>-2470193.9680495998</c:v>
                </c:pt>
                <c:pt idx="339">
                  <c:v>-2636186.12253555</c:v>
                </c:pt>
                <c:pt idx="340">
                  <c:v>-2642562.8731899098</c:v>
                </c:pt>
                <c:pt idx="341">
                  <c:v>-2507995.2154695299</c:v>
                </c:pt>
                <c:pt idx="342">
                  <c:v>-2585489.3934521899</c:v>
                </c:pt>
                <c:pt idx="343">
                  <c:v>-2556947.7741753599</c:v>
                </c:pt>
                <c:pt idx="344">
                  <c:v>-2551815.2908668001</c:v>
                </c:pt>
                <c:pt idx="345">
                  <c:v>-2517800.0372785102</c:v>
                </c:pt>
                <c:pt idx="346">
                  <c:v>-2590583.52671012</c:v>
                </c:pt>
                <c:pt idx="347">
                  <c:v>-2574841.3254877902</c:v>
                </c:pt>
                <c:pt idx="348">
                  <c:v>-2605662.0176126901</c:v>
                </c:pt>
                <c:pt idx="349">
                  <c:v>-2478241.6767018</c:v>
                </c:pt>
                <c:pt idx="350">
                  <c:v>-2425976.0660071601</c:v>
                </c:pt>
                <c:pt idx="351">
                  <c:v>-2454908.8344149301</c:v>
                </c:pt>
                <c:pt idx="352">
                  <c:v>-2467420.1900120899</c:v>
                </c:pt>
                <c:pt idx="353">
                  <c:v>-2451353.47271349</c:v>
                </c:pt>
                <c:pt idx="354">
                  <c:v>-2451831.34167141</c:v>
                </c:pt>
                <c:pt idx="355">
                  <c:v>-2468461.36611587</c:v>
                </c:pt>
                <c:pt idx="356">
                  <c:v>-2451622.85418277</c:v>
                </c:pt>
                <c:pt idx="357">
                  <c:v>-2430841.5412135199</c:v>
                </c:pt>
                <c:pt idx="358">
                  <c:v>-2400934.3245359198</c:v>
                </c:pt>
                <c:pt idx="359">
                  <c:v>-2417947.4383751601</c:v>
                </c:pt>
                <c:pt idx="360">
                  <c:v>-2384686.3099343898</c:v>
                </c:pt>
                <c:pt idx="361">
                  <c:v>-2388617.0454992298</c:v>
                </c:pt>
                <c:pt idx="362">
                  <c:v>-2410743.8482601899</c:v>
                </c:pt>
                <c:pt idx="363">
                  <c:v>-2447030.6735907798</c:v>
                </c:pt>
                <c:pt idx="364">
                  <c:v>-2405802.1993148802</c:v>
                </c:pt>
                <c:pt idx="365">
                  <c:v>-2442286.9226088999</c:v>
                </c:pt>
                <c:pt idx="366">
                  <c:v>-2470155.0808578702</c:v>
                </c:pt>
                <c:pt idx="367">
                  <c:v>-2366237.2336845198</c:v>
                </c:pt>
                <c:pt idx="368">
                  <c:v>-2344286.7518295199</c:v>
                </c:pt>
                <c:pt idx="369">
                  <c:v>-2347336.34832029</c:v>
                </c:pt>
                <c:pt idx="370">
                  <c:v>-2409533.0882258099</c:v>
                </c:pt>
                <c:pt idx="371">
                  <c:v>-2405237.15255416</c:v>
                </c:pt>
                <c:pt idx="372">
                  <c:v>-2406752.9009970701</c:v>
                </c:pt>
                <c:pt idx="373">
                  <c:v>-2313140.01893795</c:v>
                </c:pt>
                <c:pt idx="374">
                  <c:v>-2286550.5092464201</c:v>
                </c:pt>
                <c:pt idx="375">
                  <c:v>-2272271.4284425899</c:v>
                </c:pt>
                <c:pt idx="376">
                  <c:v>-2286161.4764046702</c:v>
                </c:pt>
                <c:pt idx="377">
                  <c:v>-2379929.1760812402</c:v>
                </c:pt>
                <c:pt idx="378">
                  <c:v>-2303299.86553634</c:v>
                </c:pt>
                <c:pt idx="379">
                  <c:v>-2393054.83654213</c:v>
                </c:pt>
                <c:pt idx="380">
                  <c:v>-2355918.5196307902</c:v>
                </c:pt>
                <c:pt idx="381">
                  <c:v>-2338259.9174087602</c:v>
                </c:pt>
                <c:pt idx="382">
                  <c:v>-2303317.4867156302</c:v>
                </c:pt>
                <c:pt idx="383">
                  <c:v>-2224734.3564879098</c:v>
                </c:pt>
                <c:pt idx="384">
                  <c:v>-2220702.2180206799</c:v>
                </c:pt>
                <c:pt idx="385">
                  <c:v>-2224378.7728078398</c:v>
                </c:pt>
                <c:pt idx="386">
                  <c:v>-2230498.5817487198</c:v>
                </c:pt>
                <c:pt idx="387">
                  <c:v>-2271728.6118713198</c:v>
                </c:pt>
                <c:pt idx="388">
                  <c:v>-2265868.5758943902</c:v>
                </c:pt>
                <c:pt idx="389">
                  <c:v>-2247744.4458998302</c:v>
                </c:pt>
                <c:pt idx="390">
                  <c:v>-2269820.3652047599</c:v>
                </c:pt>
                <c:pt idx="391">
                  <c:v>-2271447.7877650601</c:v>
                </c:pt>
                <c:pt idx="392">
                  <c:v>-2268463.6942794798</c:v>
                </c:pt>
                <c:pt idx="393">
                  <c:v>-2288148.8961629299</c:v>
                </c:pt>
                <c:pt idx="394">
                  <c:v>-2258050.4578921599</c:v>
                </c:pt>
                <c:pt idx="395">
                  <c:v>-2257851.4812855702</c:v>
                </c:pt>
                <c:pt idx="396">
                  <c:v>-2320773.5307246</c:v>
                </c:pt>
                <c:pt idx="397">
                  <c:v>-2359063.2710046601</c:v>
                </c:pt>
                <c:pt idx="398">
                  <c:v>-2268740.6857831101</c:v>
                </c:pt>
                <c:pt idx="399">
                  <c:v>-2324078.1234442801</c:v>
                </c:pt>
                <c:pt idx="400">
                  <c:v>-2287430.4271251801</c:v>
                </c:pt>
                <c:pt idx="401">
                  <c:v>-2191966.50410712</c:v>
                </c:pt>
                <c:pt idx="402">
                  <c:v>-2265521.8916116301</c:v>
                </c:pt>
                <c:pt idx="403">
                  <c:v>-2161104.6981557799</c:v>
                </c:pt>
                <c:pt idx="404">
                  <c:v>-2126932.8722755699</c:v>
                </c:pt>
                <c:pt idx="405">
                  <c:v>-2210019.4731887602</c:v>
                </c:pt>
                <c:pt idx="406">
                  <c:v>-2174584.91398144</c:v>
                </c:pt>
                <c:pt idx="407">
                  <c:v>-2131609.9820663501</c:v>
                </c:pt>
                <c:pt idx="408">
                  <c:v>-2158266.4870695798</c:v>
                </c:pt>
                <c:pt idx="409">
                  <c:v>-2153825.9156340701</c:v>
                </c:pt>
                <c:pt idx="410">
                  <c:v>-2174635.7145755598</c:v>
                </c:pt>
                <c:pt idx="411">
                  <c:v>-2160362.8100789199</c:v>
                </c:pt>
                <c:pt idx="412">
                  <c:v>-2140473.97177102</c:v>
                </c:pt>
                <c:pt idx="413">
                  <c:v>-2207316.6856395099</c:v>
                </c:pt>
                <c:pt idx="414">
                  <c:v>-2131163.8446332598</c:v>
                </c:pt>
                <c:pt idx="415">
                  <c:v>-2164140.9176944001</c:v>
                </c:pt>
                <c:pt idx="416">
                  <c:v>-2163282.2651032</c:v>
                </c:pt>
                <c:pt idx="417">
                  <c:v>-2143279.62735458</c:v>
                </c:pt>
                <c:pt idx="418">
                  <c:v>-2161195.6739891702</c:v>
                </c:pt>
                <c:pt idx="419">
                  <c:v>-2201801.2653109999</c:v>
                </c:pt>
                <c:pt idx="420">
                  <c:v>-2140082.97532039</c:v>
                </c:pt>
                <c:pt idx="421">
                  <c:v>-2211102.6551997201</c:v>
                </c:pt>
                <c:pt idx="422">
                  <c:v>-2143411.2382889502</c:v>
                </c:pt>
                <c:pt idx="423">
                  <c:v>-2178567.6690299301</c:v>
                </c:pt>
                <c:pt idx="424">
                  <c:v>-2101871.8300253199</c:v>
                </c:pt>
                <c:pt idx="425">
                  <c:v>-2168650.8015870699</c:v>
                </c:pt>
                <c:pt idx="426">
                  <c:v>-2189623.3655250901</c:v>
                </c:pt>
                <c:pt idx="427">
                  <c:v>-2147673.3086097701</c:v>
                </c:pt>
                <c:pt idx="428">
                  <c:v>-2119958.2959770099</c:v>
                </c:pt>
                <c:pt idx="429">
                  <c:v>-2114140.9154739301</c:v>
                </c:pt>
                <c:pt idx="430">
                  <c:v>-2116127.5842267298</c:v>
                </c:pt>
                <c:pt idx="431">
                  <c:v>-2023410.3547121999</c:v>
                </c:pt>
                <c:pt idx="432">
                  <c:v>-2122745.1332674702</c:v>
                </c:pt>
                <c:pt idx="433">
                  <c:v>-2133130.1652738699</c:v>
                </c:pt>
                <c:pt idx="434">
                  <c:v>-2124910.8553623902</c:v>
                </c:pt>
                <c:pt idx="435">
                  <c:v>-2114124.8008077298</c:v>
                </c:pt>
                <c:pt idx="436">
                  <c:v>-2144478.7806132901</c:v>
                </c:pt>
                <c:pt idx="437">
                  <c:v>-2125901.5922105201</c:v>
                </c:pt>
                <c:pt idx="438">
                  <c:v>-2044841.4779248899</c:v>
                </c:pt>
                <c:pt idx="439">
                  <c:v>-2073750.5438291901</c:v>
                </c:pt>
                <c:pt idx="440">
                  <c:v>-2024649.39368697</c:v>
                </c:pt>
                <c:pt idx="441">
                  <c:v>-2069847.17337362</c:v>
                </c:pt>
                <c:pt idx="442">
                  <c:v>-2114484.0153848799</c:v>
                </c:pt>
                <c:pt idx="443">
                  <c:v>-2202765.7492713798</c:v>
                </c:pt>
                <c:pt idx="444">
                  <c:v>-2109273.6856212001</c:v>
                </c:pt>
                <c:pt idx="445">
                  <c:v>-2141005.3724273001</c:v>
                </c:pt>
                <c:pt idx="446">
                  <c:v>-2081793.7643313401</c:v>
                </c:pt>
                <c:pt idx="447">
                  <c:v>-2100348.51422837</c:v>
                </c:pt>
                <c:pt idx="448">
                  <c:v>-2112238.9146191599</c:v>
                </c:pt>
                <c:pt idx="449">
                  <c:v>-2119533.4329436501</c:v>
                </c:pt>
                <c:pt idx="450">
                  <c:v>-2079006.2416711301</c:v>
                </c:pt>
                <c:pt idx="451">
                  <c:v>-2094860.9064980799</c:v>
                </c:pt>
                <c:pt idx="452">
                  <c:v>-2045043.72036189</c:v>
                </c:pt>
                <c:pt idx="453">
                  <c:v>-1969370.25774255</c:v>
                </c:pt>
                <c:pt idx="454">
                  <c:v>-2028115.19517916</c:v>
                </c:pt>
                <c:pt idx="455">
                  <c:v>-2027899.94719798</c:v>
                </c:pt>
                <c:pt idx="456">
                  <c:v>-2049631.26533133</c:v>
                </c:pt>
                <c:pt idx="457">
                  <c:v>-2036951.9525333601</c:v>
                </c:pt>
                <c:pt idx="458">
                  <c:v>-2026510.45707515</c:v>
                </c:pt>
                <c:pt idx="459">
                  <c:v>-2030168.9467017699</c:v>
                </c:pt>
                <c:pt idx="460">
                  <c:v>-2063081.28528422</c:v>
                </c:pt>
                <c:pt idx="461">
                  <c:v>-2011777.01879624</c:v>
                </c:pt>
                <c:pt idx="462">
                  <c:v>-2097605.3414793299</c:v>
                </c:pt>
                <c:pt idx="463">
                  <c:v>-2027237.2867602799</c:v>
                </c:pt>
                <c:pt idx="464">
                  <c:v>-2037040.61251724</c:v>
                </c:pt>
                <c:pt idx="465">
                  <c:v>-1996376.06469526</c:v>
                </c:pt>
                <c:pt idx="466">
                  <c:v>-2009367.85968539</c:v>
                </c:pt>
                <c:pt idx="467">
                  <c:v>-1990116.1726225601</c:v>
                </c:pt>
                <c:pt idx="468">
                  <c:v>-2010722.8575486301</c:v>
                </c:pt>
                <c:pt idx="469">
                  <c:v>-2023900.82747243</c:v>
                </c:pt>
                <c:pt idx="470">
                  <c:v>-2016558.39946815</c:v>
                </c:pt>
                <c:pt idx="471">
                  <c:v>-2042592.8117036701</c:v>
                </c:pt>
                <c:pt idx="472">
                  <c:v>-2033412.32999856</c:v>
                </c:pt>
                <c:pt idx="473">
                  <c:v>-2005085.2649664599</c:v>
                </c:pt>
                <c:pt idx="474">
                  <c:v>-1961777.3980386299</c:v>
                </c:pt>
                <c:pt idx="475">
                  <c:v>-2010994.5834693599</c:v>
                </c:pt>
                <c:pt idx="476">
                  <c:v>-2005231.6390364999</c:v>
                </c:pt>
                <c:pt idx="477">
                  <c:v>-1985892.5604948101</c:v>
                </c:pt>
                <c:pt idx="478">
                  <c:v>-2000561.66205797</c:v>
                </c:pt>
                <c:pt idx="479">
                  <c:v>-2014393.1447765699</c:v>
                </c:pt>
                <c:pt idx="480">
                  <c:v>-2071180.21127031</c:v>
                </c:pt>
                <c:pt idx="481">
                  <c:v>-1961278.9110398199</c:v>
                </c:pt>
                <c:pt idx="482">
                  <c:v>-2021719.7741567199</c:v>
                </c:pt>
                <c:pt idx="483">
                  <c:v>-1967757.1713852501</c:v>
                </c:pt>
                <c:pt idx="484">
                  <c:v>-2037614.00428518</c:v>
                </c:pt>
                <c:pt idx="485">
                  <c:v>-1982748.6961296401</c:v>
                </c:pt>
                <c:pt idx="486">
                  <c:v>-1974521.3813791999</c:v>
                </c:pt>
                <c:pt idx="487">
                  <c:v>-1937469.17963024</c:v>
                </c:pt>
                <c:pt idx="488">
                  <c:v>-1941289.8682754899</c:v>
                </c:pt>
                <c:pt idx="489">
                  <c:v>-1958986.5828098599</c:v>
                </c:pt>
                <c:pt idx="490">
                  <c:v>-1888435.1352037599</c:v>
                </c:pt>
                <c:pt idx="491">
                  <c:v>-1974119.4620090099</c:v>
                </c:pt>
                <c:pt idx="492">
                  <c:v>-1863730.74487235</c:v>
                </c:pt>
                <c:pt idx="493">
                  <c:v>-1907541.0899209001</c:v>
                </c:pt>
                <c:pt idx="494">
                  <c:v>-1861254.9194851599</c:v>
                </c:pt>
                <c:pt idx="495">
                  <c:v>-1979018.41206752</c:v>
                </c:pt>
                <c:pt idx="496">
                  <c:v>-1953641.0409200001</c:v>
                </c:pt>
                <c:pt idx="497">
                  <c:v>-1964010.0902434699</c:v>
                </c:pt>
                <c:pt idx="498">
                  <c:v>-2034441.8563890799</c:v>
                </c:pt>
                <c:pt idx="499">
                  <c:v>-1943367.12083683</c:v>
                </c:pt>
                <c:pt idx="500">
                  <c:v>-1989381.1305625001</c:v>
                </c:pt>
                <c:pt idx="501">
                  <c:v>-1975130.6151306201</c:v>
                </c:pt>
                <c:pt idx="502">
                  <c:v>-1984895.19010911</c:v>
                </c:pt>
                <c:pt idx="503">
                  <c:v>-1999850.67167316</c:v>
                </c:pt>
                <c:pt idx="504">
                  <c:v>-1849338.8205317699</c:v>
                </c:pt>
                <c:pt idx="505">
                  <c:v>-1930888.7768459599</c:v>
                </c:pt>
                <c:pt idx="506">
                  <c:v>-1977903.81246247</c:v>
                </c:pt>
                <c:pt idx="507">
                  <c:v>-1984003.9792055599</c:v>
                </c:pt>
                <c:pt idx="508">
                  <c:v>-2025481.85699116</c:v>
                </c:pt>
                <c:pt idx="509">
                  <c:v>-1899600.4997972699</c:v>
                </c:pt>
                <c:pt idx="510">
                  <c:v>-1930951.29003332</c:v>
                </c:pt>
                <c:pt idx="511">
                  <c:v>-1878934.81160827</c:v>
                </c:pt>
                <c:pt idx="512">
                  <c:v>-1900678.08653835</c:v>
                </c:pt>
                <c:pt idx="513">
                  <c:v>-1934197.71131401</c:v>
                </c:pt>
                <c:pt idx="514">
                  <c:v>-1968365.3288309299</c:v>
                </c:pt>
                <c:pt idx="515">
                  <c:v>-1954968.7869116899</c:v>
                </c:pt>
                <c:pt idx="516">
                  <c:v>-1945574.2551426101</c:v>
                </c:pt>
                <c:pt idx="517">
                  <c:v>-1975627.27446117</c:v>
                </c:pt>
                <c:pt idx="518">
                  <c:v>-1894406.3973596301</c:v>
                </c:pt>
                <c:pt idx="519">
                  <c:v>-1881774.96197376</c:v>
                </c:pt>
                <c:pt idx="520">
                  <c:v>-1823933.69333405</c:v>
                </c:pt>
                <c:pt idx="521">
                  <c:v>-1878013.9717922099</c:v>
                </c:pt>
                <c:pt idx="522">
                  <c:v>-1894532.22257754</c:v>
                </c:pt>
                <c:pt idx="523">
                  <c:v>-1958975.8274910899</c:v>
                </c:pt>
                <c:pt idx="524">
                  <c:v>-1879373.21717031</c:v>
                </c:pt>
                <c:pt idx="525">
                  <c:v>-1988108.30193308</c:v>
                </c:pt>
                <c:pt idx="526">
                  <c:v>-1840022.2698222699</c:v>
                </c:pt>
                <c:pt idx="527">
                  <c:v>-1915963.52984698</c:v>
                </c:pt>
                <c:pt idx="528">
                  <c:v>-1838756.28623424</c:v>
                </c:pt>
                <c:pt idx="529">
                  <c:v>-1890244.5980632601</c:v>
                </c:pt>
                <c:pt idx="530">
                  <c:v>-1800824.5274905299</c:v>
                </c:pt>
                <c:pt idx="531">
                  <c:v>-1862236.7460585299</c:v>
                </c:pt>
                <c:pt idx="532">
                  <c:v>-1884858.04416811</c:v>
                </c:pt>
                <c:pt idx="533">
                  <c:v>-1847636.2400688799</c:v>
                </c:pt>
                <c:pt idx="534">
                  <c:v>-1898681.1150046701</c:v>
                </c:pt>
                <c:pt idx="535">
                  <c:v>-1887864.3935680401</c:v>
                </c:pt>
                <c:pt idx="536">
                  <c:v>-1950693.9083731801</c:v>
                </c:pt>
                <c:pt idx="537">
                  <c:v>-1856712.04627992</c:v>
                </c:pt>
                <c:pt idx="538">
                  <c:v>-1851978.5074051199</c:v>
                </c:pt>
                <c:pt idx="539">
                  <c:v>-1899769.25779126</c:v>
                </c:pt>
                <c:pt idx="540">
                  <c:v>-1879900.51153993</c:v>
                </c:pt>
                <c:pt idx="541">
                  <c:v>-1911734.69284782</c:v>
                </c:pt>
                <c:pt idx="542">
                  <c:v>-1848635.3598702601</c:v>
                </c:pt>
                <c:pt idx="543">
                  <c:v>-1822890.8719469199</c:v>
                </c:pt>
                <c:pt idx="544">
                  <c:v>-1851295.2912554001</c:v>
                </c:pt>
                <c:pt idx="545">
                  <c:v>-1818039.6288050101</c:v>
                </c:pt>
                <c:pt idx="546">
                  <c:v>-1800821.8418068001</c:v>
                </c:pt>
                <c:pt idx="547">
                  <c:v>-1828881.33301979</c:v>
                </c:pt>
                <c:pt idx="548">
                  <c:v>-1857140.7359027199</c:v>
                </c:pt>
                <c:pt idx="549">
                  <c:v>-1854731.17142673</c:v>
                </c:pt>
                <c:pt idx="550">
                  <c:v>-1861597.0253548501</c:v>
                </c:pt>
                <c:pt idx="551">
                  <c:v>-1852681.0435255601</c:v>
                </c:pt>
                <c:pt idx="552">
                  <c:v>-1845130.3130554899</c:v>
                </c:pt>
                <c:pt idx="553">
                  <c:v>-1783811.6364753</c:v>
                </c:pt>
                <c:pt idx="554">
                  <c:v>-1884617.49601547</c:v>
                </c:pt>
                <c:pt idx="555">
                  <c:v>-1874975.4770610901</c:v>
                </c:pt>
                <c:pt idx="556">
                  <c:v>-1830556.35768764</c:v>
                </c:pt>
                <c:pt idx="557">
                  <c:v>-1851043.5211209101</c:v>
                </c:pt>
                <c:pt idx="558">
                  <c:v>-1833594.92339108</c:v>
                </c:pt>
                <c:pt idx="559">
                  <c:v>-1907098.7287280599</c:v>
                </c:pt>
                <c:pt idx="560">
                  <c:v>-1909812.3272832299</c:v>
                </c:pt>
                <c:pt idx="561">
                  <c:v>-1891916.9607581899</c:v>
                </c:pt>
                <c:pt idx="562">
                  <c:v>-1908089.8246633201</c:v>
                </c:pt>
                <c:pt idx="563">
                  <c:v>-1818782.86967686</c:v>
                </c:pt>
                <c:pt idx="564">
                  <c:v>-1786310.9235576901</c:v>
                </c:pt>
                <c:pt idx="565">
                  <c:v>-1821374.2280654199</c:v>
                </c:pt>
                <c:pt idx="566">
                  <c:v>-1771840.3842530199</c:v>
                </c:pt>
                <c:pt idx="567">
                  <c:v>-1857415.6413670599</c:v>
                </c:pt>
                <c:pt idx="568">
                  <c:v>-1740043.51690566</c:v>
                </c:pt>
                <c:pt idx="569">
                  <c:v>-1847808.66309162</c:v>
                </c:pt>
                <c:pt idx="570">
                  <c:v>-1846272.0717697099</c:v>
                </c:pt>
                <c:pt idx="571">
                  <c:v>-1847692.3021187</c:v>
                </c:pt>
                <c:pt idx="572">
                  <c:v>-1877256.64934657</c:v>
                </c:pt>
                <c:pt idx="573">
                  <c:v>-1819047.1522743001</c:v>
                </c:pt>
                <c:pt idx="574">
                  <c:v>-1752741.62121098</c:v>
                </c:pt>
                <c:pt idx="575">
                  <c:v>-1851345.8900719699</c:v>
                </c:pt>
                <c:pt idx="576">
                  <c:v>-1848810.7921711199</c:v>
                </c:pt>
                <c:pt idx="577">
                  <c:v>-1821864.7500016401</c:v>
                </c:pt>
                <c:pt idx="578">
                  <c:v>-1843377.5821458001</c:v>
                </c:pt>
                <c:pt idx="579">
                  <c:v>-1778646.9349734001</c:v>
                </c:pt>
                <c:pt idx="580">
                  <c:v>-1722692.0518096499</c:v>
                </c:pt>
                <c:pt idx="581">
                  <c:v>-1768033.96268928</c:v>
                </c:pt>
                <c:pt idx="582">
                  <c:v>-1823473.1270240401</c:v>
                </c:pt>
                <c:pt idx="583">
                  <c:v>-1845932.4633531801</c:v>
                </c:pt>
                <c:pt idx="584">
                  <c:v>-1818093.7075455701</c:v>
                </c:pt>
                <c:pt idx="585">
                  <c:v>-1749425.0248304501</c:v>
                </c:pt>
                <c:pt idx="586">
                  <c:v>-1712166.36558575</c:v>
                </c:pt>
                <c:pt idx="587">
                  <c:v>-1706837.98161046</c:v>
                </c:pt>
                <c:pt idx="588">
                  <c:v>-1789069.18420155</c:v>
                </c:pt>
                <c:pt idx="589">
                  <c:v>-1769553.3481620301</c:v>
                </c:pt>
                <c:pt idx="590">
                  <c:v>-1680563.8523991001</c:v>
                </c:pt>
                <c:pt idx="591">
                  <c:v>-1655519.6976697701</c:v>
                </c:pt>
                <c:pt idx="592">
                  <c:v>-1663760.6501633599</c:v>
                </c:pt>
                <c:pt idx="593">
                  <c:v>-1667744.01936728</c:v>
                </c:pt>
                <c:pt idx="594">
                  <c:v>-1705875.10981334</c:v>
                </c:pt>
                <c:pt idx="595">
                  <c:v>-1707948.95085662</c:v>
                </c:pt>
                <c:pt idx="596">
                  <c:v>-1741400.5728438899</c:v>
                </c:pt>
                <c:pt idx="597">
                  <c:v>-1733110.6058503699</c:v>
                </c:pt>
                <c:pt idx="598">
                  <c:v>-1851061.1253140699</c:v>
                </c:pt>
                <c:pt idx="599">
                  <c:v>-1778478.25849644</c:v>
                </c:pt>
                <c:pt idx="600">
                  <c:v>-1659443.6487153301</c:v>
                </c:pt>
                <c:pt idx="601">
                  <c:v>-1721106.9752636401</c:v>
                </c:pt>
                <c:pt idx="602">
                  <c:v>-1734382.27200309</c:v>
                </c:pt>
                <c:pt idx="603">
                  <c:v>-1773416.7962473701</c:v>
                </c:pt>
                <c:pt idx="604">
                  <c:v>-1787981.4113880501</c:v>
                </c:pt>
                <c:pt idx="605">
                  <c:v>-1732617.62879595</c:v>
                </c:pt>
                <c:pt idx="606">
                  <c:v>-1713754.58994687</c:v>
                </c:pt>
                <c:pt idx="607">
                  <c:v>-1704992.20121392</c:v>
                </c:pt>
                <c:pt idx="608">
                  <c:v>-1712461.0173470101</c:v>
                </c:pt>
                <c:pt idx="609">
                  <c:v>-1699819.5124584001</c:v>
                </c:pt>
                <c:pt idx="610">
                  <c:v>-1653008.23321595</c:v>
                </c:pt>
                <c:pt idx="611">
                  <c:v>-1680024.87413927</c:v>
                </c:pt>
                <c:pt idx="612">
                  <c:v>-1709742.7638107201</c:v>
                </c:pt>
                <c:pt idx="613">
                  <c:v>-1765485.3547773</c:v>
                </c:pt>
                <c:pt idx="614">
                  <c:v>-1771224.8257353101</c:v>
                </c:pt>
                <c:pt idx="615">
                  <c:v>-1621644.6790311199</c:v>
                </c:pt>
                <c:pt idx="616">
                  <c:v>-1665336.6658780701</c:v>
                </c:pt>
                <c:pt idx="617">
                  <c:v>-1684862.1690825699</c:v>
                </c:pt>
                <c:pt idx="618">
                  <c:v>-1662637.8004109</c:v>
                </c:pt>
                <c:pt idx="619">
                  <c:v>-1785397.9290825699</c:v>
                </c:pt>
                <c:pt idx="620">
                  <c:v>-1688132.1887091701</c:v>
                </c:pt>
                <c:pt idx="621">
                  <c:v>-1631709.80044328</c:v>
                </c:pt>
                <c:pt idx="622">
                  <c:v>-1693366.77893955</c:v>
                </c:pt>
                <c:pt idx="623">
                  <c:v>-1800238.19522824</c:v>
                </c:pt>
                <c:pt idx="624">
                  <c:v>-1715439.0737475799</c:v>
                </c:pt>
                <c:pt idx="625">
                  <c:v>-1751955.2582688299</c:v>
                </c:pt>
                <c:pt idx="626">
                  <c:v>-1812110.0651704201</c:v>
                </c:pt>
                <c:pt idx="627">
                  <c:v>-1769262.36757637</c:v>
                </c:pt>
                <c:pt idx="628">
                  <c:v>-1687193.21879588</c:v>
                </c:pt>
                <c:pt idx="629">
                  <c:v>-1704040.7492690899</c:v>
                </c:pt>
                <c:pt idx="630">
                  <c:v>-1682926.2102604499</c:v>
                </c:pt>
                <c:pt idx="631">
                  <c:v>-1703365.8009410601</c:v>
                </c:pt>
                <c:pt idx="632">
                  <c:v>-1701864.3445422801</c:v>
                </c:pt>
                <c:pt idx="633">
                  <c:v>-1697907.8275188201</c:v>
                </c:pt>
                <c:pt idx="634">
                  <c:v>-1633795.74185589</c:v>
                </c:pt>
                <c:pt idx="635">
                  <c:v>-1659310.4088498501</c:v>
                </c:pt>
                <c:pt idx="636">
                  <c:v>-1692507.5046776801</c:v>
                </c:pt>
                <c:pt idx="637">
                  <c:v>-1641111.4583214801</c:v>
                </c:pt>
                <c:pt idx="638">
                  <c:v>-1647906.11797889</c:v>
                </c:pt>
                <c:pt idx="639">
                  <c:v>-1740444.4501776299</c:v>
                </c:pt>
                <c:pt idx="640">
                  <c:v>-1769604.9254473699</c:v>
                </c:pt>
                <c:pt idx="641">
                  <c:v>-1786648.2272803199</c:v>
                </c:pt>
                <c:pt idx="642">
                  <c:v>-1769636.2669113199</c:v>
                </c:pt>
                <c:pt idx="643">
                  <c:v>-1778105.02406362</c:v>
                </c:pt>
                <c:pt idx="644">
                  <c:v>-1769853.16060847</c:v>
                </c:pt>
                <c:pt idx="645">
                  <c:v>-1788233.2893314001</c:v>
                </c:pt>
                <c:pt idx="646">
                  <c:v>-1756166.0267424399</c:v>
                </c:pt>
                <c:pt idx="647">
                  <c:v>-1772896.24044785</c:v>
                </c:pt>
                <c:pt idx="648">
                  <c:v>-1702591.8476915699</c:v>
                </c:pt>
                <c:pt idx="649">
                  <c:v>-1728406.29980289</c:v>
                </c:pt>
                <c:pt idx="650">
                  <c:v>-1686148.1501939299</c:v>
                </c:pt>
                <c:pt idx="651">
                  <c:v>-1656669.50739088</c:v>
                </c:pt>
                <c:pt idx="652">
                  <c:v>-1740350.33378342</c:v>
                </c:pt>
                <c:pt idx="653">
                  <c:v>-1792295.10699021</c:v>
                </c:pt>
                <c:pt idx="654">
                  <c:v>-1592655.97913843</c:v>
                </c:pt>
                <c:pt idx="655">
                  <c:v>-1717647.12552176</c:v>
                </c:pt>
                <c:pt idx="656">
                  <c:v>-1754888.94871764</c:v>
                </c:pt>
                <c:pt idx="657">
                  <c:v>-1707159.8114929299</c:v>
                </c:pt>
                <c:pt idx="658">
                  <c:v>-1722006.71528027</c:v>
                </c:pt>
                <c:pt idx="659">
                  <c:v>-1711992.6153863301</c:v>
                </c:pt>
                <c:pt idx="660">
                  <c:v>-1633472.17529048</c:v>
                </c:pt>
                <c:pt idx="661">
                  <c:v>-1593182.90575103</c:v>
                </c:pt>
                <c:pt idx="662">
                  <c:v>-1639708.64813367</c:v>
                </c:pt>
                <c:pt idx="663">
                  <c:v>-1591080.4982487301</c:v>
                </c:pt>
                <c:pt idx="664">
                  <c:v>-1663192.27367735</c:v>
                </c:pt>
                <c:pt idx="665">
                  <c:v>-1676981.0846140999</c:v>
                </c:pt>
                <c:pt idx="666">
                  <c:v>-1690536.32332098</c:v>
                </c:pt>
                <c:pt idx="667">
                  <c:v>-1708564.06711841</c:v>
                </c:pt>
                <c:pt idx="668">
                  <c:v>-1720985.6597573301</c:v>
                </c:pt>
                <c:pt idx="669">
                  <c:v>-1687311.4567150001</c:v>
                </c:pt>
                <c:pt idx="670">
                  <c:v>-1720520.9673091399</c:v>
                </c:pt>
                <c:pt idx="671">
                  <c:v>-1682841.6241079799</c:v>
                </c:pt>
                <c:pt idx="672">
                  <c:v>-1689505.7681432799</c:v>
                </c:pt>
                <c:pt idx="673">
                  <c:v>-1658965.9747589999</c:v>
                </c:pt>
                <c:pt idx="674">
                  <c:v>-1651852.7703213801</c:v>
                </c:pt>
                <c:pt idx="675">
                  <c:v>-1739447.3270723701</c:v>
                </c:pt>
                <c:pt idx="676">
                  <c:v>-1738820.0864181099</c:v>
                </c:pt>
                <c:pt idx="677">
                  <c:v>-1596879.33245469</c:v>
                </c:pt>
                <c:pt idx="678">
                  <c:v>-1631142.5499738001</c:v>
                </c:pt>
                <c:pt idx="679">
                  <c:v>-1705341.5158986601</c:v>
                </c:pt>
                <c:pt idx="680">
                  <c:v>-1673504.92499165</c:v>
                </c:pt>
                <c:pt idx="681">
                  <c:v>-1688593.5471808801</c:v>
                </c:pt>
                <c:pt idx="682">
                  <c:v>-1715319.72543431</c:v>
                </c:pt>
                <c:pt idx="683">
                  <c:v>-1654843.9016638801</c:v>
                </c:pt>
                <c:pt idx="684">
                  <c:v>-1643252.2652698101</c:v>
                </c:pt>
                <c:pt idx="685">
                  <c:v>-1697315.5695728799</c:v>
                </c:pt>
                <c:pt idx="686">
                  <c:v>-1616553.41597443</c:v>
                </c:pt>
                <c:pt idx="687">
                  <c:v>-1739820.52883622</c:v>
                </c:pt>
                <c:pt idx="688">
                  <c:v>-1646940.96048986</c:v>
                </c:pt>
                <c:pt idx="689">
                  <c:v>-1680976.9575808099</c:v>
                </c:pt>
                <c:pt idx="690">
                  <c:v>-1564855.9902927501</c:v>
                </c:pt>
                <c:pt idx="691">
                  <c:v>-1672052.03838569</c:v>
                </c:pt>
                <c:pt idx="692">
                  <c:v>-1756476.9958643401</c:v>
                </c:pt>
                <c:pt idx="693">
                  <c:v>-1707064.78413615</c:v>
                </c:pt>
                <c:pt idx="694">
                  <c:v>-1692764.6576056101</c:v>
                </c:pt>
                <c:pt idx="695">
                  <c:v>-1553948.5060119401</c:v>
                </c:pt>
                <c:pt idx="696">
                  <c:v>-1610335.6778815</c:v>
                </c:pt>
                <c:pt idx="697">
                  <c:v>-1724433.9852042601</c:v>
                </c:pt>
                <c:pt idx="698">
                  <c:v>-1686747.5398343999</c:v>
                </c:pt>
                <c:pt idx="699">
                  <c:v>-1702494.86096834</c:v>
                </c:pt>
                <c:pt idx="700">
                  <c:v>-1588681.4174205</c:v>
                </c:pt>
                <c:pt idx="701">
                  <c:v>-1643434.40165745</c:v>
                </c:pt>
                <c:pt idx="702">
                  <c:v>-1564456.4080322599</c:v>
                </c:pt>
                <c:pt idx="703">
                  <c:v>-1565529.29570005</c:v>
                </c:pt>
                <c:pt idx="704">
                  <c:v>-1562429.0616408</c:v>
                </c:pt>
                <c:pt idx="705">
                  <c:v>-1592033.86385273</c:v>
                </c:pt>
                <c:pt idx="706">
                  <c:v>-1606800.93606357</c:v>
                </c:pt>
                <c:pt idx="707">
                  <c:v>-1702507.06972178</c:v>
                </c:pt>
                <c:pt idx="708">
                  <c:v>-1672313.7541130499</c:v>
                </c:pt>
                <c:pt idx="709">
                  <c:v>-1609587.2176647999</c:v>
                </c:pt>
                <c:pt idx="710">
                  <c:v>-1628880.1692122801</c:v>
                </c:pt>
                <c:pt idx="711">
                  <c:v>-1685803.79939216</c:v>
                </c:pt>
                <c:pt idx="712">
                  <c:v>-1549914.6049723199</c:v>
                </c:pt>
                <c:pt idx="713">
                  <c:v>-1539801.72101</c:v>
                </c:pt>
                <c:pt idx="714">
                  <c:v>-1542655.1969562401</c:v>
                </c:pt>
                <c:pt idx="715">
                  <c:v>-1532828.64984449</c:v>
                </c:pt>
                <c:pt idx="716">
                  <c:v>-1539199.3357323499</c:v>
                </c:pt>
                <c:pt idx="717">
                  <c:v>-1594135.2602985001</c:v>
                </c:pt>
                <c:pt idx="718">
                  <c:v>-1638929.7885249101</c:v>
                </c:pt>
                <c:pt idx="719">
                  <c:v>-1540447.25382617</c:v>
                </c:pt>
                <c:pt idx="720">
                  <c:v>-1620018.10191537</c:v>
                </c:pt>
                <c:pt idx="721">
                  <c:v>-1724471.6134455299</c:v>
                </c:pt>
                <c:pt idx="722">
                  <c:v>-1533396.64247328</c:v>
                </c:pt>
                <c:pt idx="723">
                  <c:v>-1533872.41854361</c:v>
                </c:pt>
                <c:pt idx="724">
                  <c:v>-1532743.32108621</c:v>
                </c:pt>
                <c:pt idx="725">
                  <c:v>-1536900.01915075</c:v>
                </c:pt>
                <c:pt idx="726">
                  <c:v>-1541240.19848415</c:v>
                </c:pt>
                <c:pt idx="727">
                  <c:v>-1568767.9888287601</c:v>
                </c:pt>
                <c:pt idx="728">
                  <c:v>-1663767.97987958</c:v>
                </c:pt>
                <c:pt idx="729">
                  <c:v>-1640720.9489488599</c:v>
                </c:pt>
                <c:pt idx="730">
                  <c:v>-1534458.1592433001</c:v>
                </c:pt>
                <c:pt idx="731">
                  <c:v>-1529405.10624744</c:v>
                </c:pt>
                <c:pt idx="732">
                  <c:v>-1531362.79701466</c:v>
                </c:pt>
                <c:pt idx="733">
                  <c:v>-1530614.3750129</c:v>
                </c:pt>
                <c:pt idx="734">
                  <c:v>-1548226.8514145999</c:v>
                </c:pt>
                <c:pt idx="735">
                  <c:v>-1619628.9597517699</c:v>
                </c:pt>
                <c:pt idx="736">
                  <c:v>-1545623.6974436</c:v>
                </c:pt>
                <c:pt idx="737">
                  <c:v>-1530622.9309614301</c:v>
                </c:pt>
                <c:pt idx="738">
                  <c:v>-1541905.9907110101</c:v>
                </c:pt>
                <c:pt idx="739">
                  <c:v>-1695518.5675562201</c:v>
                </c:pt>
                <c:pt idx="740">
                  <c:v>-1617476.0510753801</c:v>
                </c:pt>
                <c:pt idx="741">
                  <c:v>-1621205.9873147199</c:v>
                </c:pt>
                <c:pt idx="742">
                  <c:v>-1646425.67482767</c:v>
                </c:pt>
                <c:pt idx="743">
                  <c:v>-1606707.02345614</c:v>
                </c:pt>
                <c:pt idx="744">
                  <c:v>-1654069.5371151899</c:v>
                </c:pt>
                <c:pt idx="745">
                  <c:v>-1662284.82807991</c:v>
                </c:pt>
                <c:pt idx="746">
                  <c:v>-1680962.8743383801</c:v>
                </c:pt>
                <c:pt idx="747">
                  <c:v>-1734421.7608016699</c:v>
                </c:pt>
                <c:pt idx="748">
                  <c:v>-1676058.8702331299</c:v>
                </c:pt>
                <c:pt idx="749">
                  <c:v>-1622179.94892569</c:v>
                </c:pt>
                <c:pt idx="750">
                  <c:v>-1667072.6605678401</c:v>
                </c:pt>
                <c:pt idx="751">
                  <c:v>-1725658.3124494799</c:v>
                </c:pt>
                <c:pt idx="752">
                  <c:v>-1655597.11793104</c:v>
                </c:pt>
                <c:pt idx="753">
                  <c:v>-1520513.6375207801</c:v>
                </c:pt>
                <c:pt idx="754">
                  <c:v>-1521829.9302390199</c:v>
                </c:pt>
                <c:pt idx="755">
                  <c:v>-1537186.5898516499</c:v>
                </c:pt>
                <c:pt idx="756">
                  <c:v>-1691260.6426872199</c:v>
                </c:pt>
                <c:pt idx="757">
                  <c:v>-1562754.6958823099</c:v>
                </c:pt>
                <c:pt idx="758">
                  <c:v>-1514537.21912413</c:v>
                </c:pt>
                <c:pt idx="759">
                  <c:v>-1509867.1434821</c:v>
                </c:pt>
                <c:pt idx="760">
                  <c:v>-1513278.68416681</c:v>
                </c:pt>
                <c:pt idx="761">
                  <c:v>-1510369.3390701101</c:v>
                </c:pt>
                <c:pt idx="762">
                  <c:v>-1515053.3005347201</c:v>
                </c:pt>
                <c:pt idx="763">
                  <c:v>-1519552.6452387499</c:v>
                </c:pt>
                <c:pt idx="764">
                  <c:v>-1516536.95285255</c:v>
                </c:pt>
                <c:pt idx="765">
                  <c:v>-1512078.9498183001</c:v>
                </c:pt>
                <c:pt idx="766">
                  <c:v>-1526561.43194494</c:v>
                </c:pt>
                <c:pt idx="767">
                  <c:v>-1516320.7516328399</c:v>
                </c:pt>
                <c:pt idx="768">
                  <c:v>-1520135.1873679101</c:v>
                </c:pt>
                <c:pt idx="769">
                  <c:v>-1517429.3483525999</c:v>
                </c:pt>
                <c:pt idx="770">
                  <c:v>-1505202.0665099099</c:v>
                </c:pt>
                <c:pt idx="771">
                  <c:v>-1514569.2987558299</c:v>
                </c:pt>
                <c:pt idx="772">
                  <c:v>-1512396.1079093199</c:v>
                </c:pt>
                <c:pt idx="773">
                  <c:v>-1517537.7366967599</c:v>
                </c:pt>
                <c:pt idx="774">
                  <c:v>-1566614.0915721999</c:v>
                </c:pt>
                <c:pt idx="775">
                  <c:v>-1575558.33067012</c:v>
                </c:pt>
                <c:pt idx="776">
                  <c:v>-1509211.5875466899</c:v>
                </c:pt>
                <c:pt idx="777">
                  <c:v>-1514693.6301718999</c:v>
                </c:pt>
                <c:pt idx="778">
                  <c:v>-1612774.36329294</c:v>
                </c:pt>
                <c:pt idx="779">
                  <c:v>-1531162.9859279899</c:v>
                </c:pt>
                <c:pt idx="780">
                  <c:v>-1516235.6149834699</c:v>
                </c:pt>
                <c:pt idx="781">
                  <c:v>-1511434.8932856999</c:v>
                </c:pt>
                <c:pt idx="782">
                  <c:v>-1620422.26110737</c:v>
                </c:pt>
                <c:pt idx="783">
                  <c:v>-1632856.01001134</c:v>
                </c:pt>
                <c:pt idx="784">
                  <c:v>-1516270.7519791301</c:v>
                </c:pt>
                <c:pt idx="785">
                  <c:v>-1590809.10036656</c:v>
                </c:pt>
                <c:pt idx="786">
                  <c:v>-1508920.73208697</c:v>
                </c:pt>
                <c:pt idx="787">
                  <c:v>-1513057.07463781</c:v>
                </c:pt>
                <c:pt idx="788">
                  <c:v>-1624216.9597548</c:v>
                </c:pt>
                <c:pt idx="789">
                  <c:v>-1618959.3569777601</c:v>
                </c:pt>
                <c:pt idx="790">
                  <c:v>-1703368.2973803901</c:v>
                </c:pt>
                <c:pt idx="791">
                  <c:v>-1640385.8361844199</c:v>
                </c:pt>
                <c:pt idx="792">
                  <c:v>-1510104.8253738901</c:v>
                </c:pt>
                <c:pt idx="793">
                  <c:v>-1515186.2860384299</c:v>
                </c:pt>
                <c:pt idx="794">
                  <c:v>-1519914.4274741099</c:v>
                </c:pt>
                <c:pt idx="795">
                  <c:v>-1520618.9199450701</c:v>
                </c:pt>
                <c:pt idx="796">
                  <c:v>-1617994.6219502699</c:v>
                </c:pt>
                <c:pt idx="797">
                  <c:v>-1526999.9651318099</c:v>
                </c:pt>
                <c:pt idx="798">
                  <c:v>-1570606.99576037</c:v>
                </c:pt>
                <c:pt idx="799">
                  <c:v>-1504796.6919430101</c:v>
                </c:pt>
                <c:pt idx="800">
                  <c:v>-1562446.9615327499</c:v>
                </c:pt>
                <c:pt idx="801">
                  <c:v>-1509057.8436387801</c:v>
                </c:pt>
                <c:pt idx="802">
                  <c:v>-1517775.46072908</c:v>
                </c:pt>
                <c:pt idx="803">
                  <c:v>-1505559.5450148601</c:v>
                </c:pt>
                <c:pt idx="804">
                  <c:v>-1513999.1555941501</c:v>
                </c:pt>
                <c:pt idx="805">
                  <c:v>-1502414.02364872</c:v>
                </c:pt>
                <c:pt idx="806">
                  <c:v>-1516770.9493197801</c:v>
                </c:pt>
                <c:pt idx="807">
                  <c:v>-1509552.9515984301</c:v>
                </c:pt>
                <c:pt idx="808">
                  <c:v>-1504917.80325487</c:v>
                </c:pt>
                <c:pt idx="809">
                  <c:v>-1507925.83494675</c:v>
                </c:pt>
                <c:pt idx="810">
                  <c:v>-1556195.3784445201</c:v>
                </c:pt>
                <c:pt idx="811">
                  <c:v>-1700800.54527724</c:v>
                </c:pt>
                <c:pt idx="812">
                  <c:v>-1698807.0988094001</c:v>
                </c:pt>
                <c:pt idx="813">
                  <c:v>-1499425.60533824</c:v>
                </c:pt>
                <c:pt idx="814">
                  <c:v>-1512414.1339152199</c:v>
                </c:pt>
                <c:pt idx="815">
                  <c:v>-1508958.3514729999</c:v>
                </c:pt>
                <c:pt idx="816">
                  <c:v>-1536437.6123736401</c:v>
                </c:pt>
                <c:pt idx="817">
                  <c:v>-1575076.9497798199</c:v>
                </c:pt>
                <c:pt idx="818">
                  <c:v>-1614234.0601999899</c:v>
                </c:pt>
                <c:pt idx="819">
                  <c:v>-1597675.6918520201</c:v>
                </c:pt>
                <c:pt idx="820">
                  <c:v>-1640100.5828785901</c:v>
                </c:pt>
                <c:pt idx="821">
                  <c:v>-1639139.3857915001</c:v>
                </c:pt>
                <c:pt idx="822">
                  <c:v>-1555876.4288101899</c:v>
                </c:pt>
                <c:pt idx="823">
                  <c:v>-1634818.13299773</c:v>
                </c:pt>
                <c:pt idx="824">
                  <c:v>-1605395.34191663</c:v>
                </c:pt>
                <c:pt idx="825">
                  <c:v>-1625434.3020941</c:v>
                </c:pt>
                <c:pt idx="826">
                  <c:v>-1611109.21205101</c:v>
                </c:pt>
                <c:pt idx="827">
                  <c:v>-1680694.0933415999</c:v>
                </c:pt>
                <c:pt idx="828">
                  <c:v>-1684775.5975023201</c:v>
                </c:pt>
                <c:pt idx="829">
                  <c:v>-1588543.6306107601</c:v>
                </c:pt>
                <c:pt idx="830">
                  <c:v>-1610303.9719295299</c:v>
                </c:pt>
                <c:pt idx="831">
                  <c:v>-1683188.7563238901</c:v>
                </c:pt>
                <c:pt idx="832">
                  <c:v>-1532386.30350281</c:v>
                </c:pt>
                <c:pt idx="833">
                  <c:v>-1586411.2449409701</c:v>
                </c:pt>
                <c:pt idx="834">
                  <c:v>-1551849.8890188499</c:v>
                </c:pt>
                <c:pt idx="835">
                  <c:v>-1496557.50241122</c:v>
                </c:pt>
                <c:pt idx="836">
                  <c:v>-1583648.2209866999</c:v>
                </c:pt>
                <c:pt idx="837">
                  <c:v>-1633905.66377714</c:v>
                </c:pt>
                <c:pt idx="838">
                  <c:v>-1623455.68314842</c:v>
                </c:pt>
                <c:pt idx="839">
                  <c:v>-1507445.86053084</c:v>
                </c:pt>
                <c:pt idx="840">
                  <c:v>-1502751.8086176401</c:v>
                </c:pt>
                <c:pt idx="841">
                  <c:v>-1503845.8546321201</c:v>
                </c:pt>
                <c:pt idx="842">
                  <c:v>-1496629.2556481401</c:v>
                </c:pt>
                <c:pt idx="843">
                  <c:v>-1506203.1419824499</c:v>
                </c:pt>
                <c:pt idx="844">
                  <c:v>-1502674.49606909</c:v>
                </c:pt>
                <c:pt idx="845">
                  <c:v>-1501911.3364292399</c:v>
                </c:pt>
                <c:pt idx="846">
                  <c:v>-1495246.61434252</c:v>
                </c:pt>
                <c:pt idx="847">
                  <c:v>-1626273.8098369101</c:v>
                </c:pt>
                <c:pt idx="848">
                  <c:v>-1624771.8031676</c:v>
                </c:pt>
                <c:pt idx="849">
                  <c:v>-1597985.8608780699</c:v>
                </c:pt>
                <c:pt idx="850">
                  <c:v>-1504301.2492289899</c:v>
                </c:pt>
                <c:pt idx="851">
                  <c:v>-1500759.3421529699</c:v>
                </c:pt>
                <c:pt idx="852">
                  <c:v>-1500024.3037086299</c:v>
                </c:pt>
                <c:pt idx="853">
                  <c:v>-1501086.87822434</c:v>
                </c:pt>
                <c:pt idx="854">
                  <c:v>-1493499.31254589</c:v>
                </c:pt>
                <c:pt idx="855">
                  <c:v>-1501629.2319584901</c:v>
                </c:pt>
                <c:pt idx="856">
                  <c:v>-1500454.47745487</c:v>
                </c:pt>
                <c:pt idx="857">
                  <c:v>-1511561.22104932</c:v>
                </c:pt>
                <c:pt idx="858">
                  <c:v>-1502605.91058389</c:v>
                </c:pt>
                <c:pt idx="859">
                  <c:v>-1498818.8158094101</c:v>
                </c:pt>
                <c:pt idx="860">
                  <c:v>-1496511.90685206</c:v>
                </c:pt>
                <c:pt idx="861">
                  <c:v>-1501670.49648955</c:v>
                </c:pt>
                <c:pt idx="862">
                  <c:v>-1492708.0746728</c:v>
                </c:pt>
                <c:pt idx="863">
                  <c:v>-1507425.07812598</c:v>
                </c:pt>
                <c:pt idx="864">
                  <c:v>-1506420.5667166801</c:v>
                </c:pt>
                <c:pt idx="865">
                  <c:v>-1505034.6537703499</c:v>
                </c:pt>
                <c:pt idx="866">
                  <c:v>-1498765.13451379</c:v>
                </c:pt>
                <c:pt idx="867">
                  <c:v>-1496935.53583044</c:v>
                </c:pt>
                <c:pt idx="868">
                  <c:v>-1498044.95912338</c:v>
                </c:pt>
                <c:pt idx="869">
                  <c:v>-1505524.21862442</c:v>
                </c:pt>
                <c:pt idx="870">
                  <c:v>-1494174.3707713101</c:v>
                </c:pt>
                <c:pt idx="871">
                  <c:v>-1493328.4945593199</c:v>
                </c:pt>
                <c:pt idx="872">
                  <c:v>-1492892.4229568699</c:v>
                </c:pt>
                <c:pt idx="873">
                  <c:v>-1506610.6249645301</c:v>
                </c:pt>
                <c:pt idx="874">
                  <c:v>-1486048.8270602799</c:v>
                </c:pt>
                <c:pt idx="875">
                  <c:v>-1497928.77710415</c:v>
                </c:pt>
                <c:pt idx="876">
                  <c:v>-1509618.42866137</c:v>
                </c:pt>
                <c:pt idx="877">
                  <c:v>-1504131.6058892601</c:v>
                </c:pt>
                <c:pt idx="878">
                  <c:v>-1492872.0518873199</c:v>
                </c:pt>
                <c:pt idx="879">
                  <c:v>-1493171.59290255</c:v>
                </c:pt>
                <c:pt idx="880">
                  <c:v>-1491985.16873232</c:v>
                </c:pt>
                <c:pt idx="881">
                  <c:v>-1485347.1654300501</c:v>
                </c:pt>
                <c:pt idx="882">
                  <c:v>-1492666.14557123</c:v>
                </c:pt>
                <c:pt idx="883">
                  <c:v>-1492027.4914708601</c:v>
                </c:pt>
                <c:pt idx="884">
                  <c:v>-1489337.6054895499</c:v>
                </c:pt>
                <c:pt idx="885">
                  <c:v>-1494939.9886648699</c:v>
                </c:pt>
                <c:pt idx="886">
                  <c:v>-1485250.1442205899</c:v>
                </c:pt>
                <c:pt idx="887">
                  <c:v>-1495262.8952850199</c:v>
                </c:pt>
                <c:pt idx="888">
                  <c:v>-1493153.41996269</c:v>
                </c:pt>
                <c:pt idx="889">
                  <c:v>-1496327.0314428201</c:v>
                </c:pt>
                <c:pt idx="890">
                  <c:v>-1491753.45436611</c:v>
                </c:pt>
                <c:pt idx="891">
                  <c:v>-1499013.06046984</c:v>
                </c:pt>
                <c:pt idx="892">
                  <c:v>-1563313.47545075</c:v>
                </c:pt>
                <c:pt idx="893">
                  <c:v>-1496729.9033171399</c:v>
                </c:pt>
                <c:pt idx="894">
                  <c:v>-1487058.2039385401</c:v>
                </c:pt>
                <c:pt idx="895">
                  <c:v>-1495333.11841252</c:v>
                </c:pt>
                <c:pt idx="896">
                  <c:v>-1495783.0361760999</c:v>
                </c:pt>
                <c:pt idx="897">
                  <c:v>-1497614.3223268001</c:v>
                </c:pt>
                <c:pt idx="898">
                  <c:v>-1489860.4603909201</c:v>
                </c:pt>
                <c:pt idx="899">
                  <c:v>-1491672.8696107599</c:v>
                </c:pt>
                <c:pt idx="900">
                  <c:v>-1500749.3175331501</c:v>
                </c:pt>
                <c:pt idx="901">
                  <c:v>-1491918.6052236501</c:v>
                </c:pt>
                <c:pt idx="902">
                  <c:v>-1489860.2517913999</c:v>
                </c:pt>
                <c:pt idx="903">
                  <c:v>-1492177.9228075701</c:v>
                </c:pt>
                <c:pt idx="904">
                  <c:v>-1488888.3664738999</c:v>
                </c:pt>
                <c:pt idx="905">
                  <c:v>-1575899.1506453301</c:v>
                </c:pt>
                <c:pt idx="906">
                  <c:v>-1493364.1962695101</c:v>
                </c:pt>
                <c:pt idx="907">
                  <c:v>-1490281.1336996199</c:v>
                </c:pt>
                <c:pt idx="908">
                  <c:v>-1493790.9682680501</c:v>
                </c:pt>
                <c:pt idx="909">
                  <c:v>-1530080.59842084</c:v>
                </c:pt>
                <c:pt idx="910">
                  <c:v>-1500587.03987299</c:v>
                </c:pt>
                <c:pt idx="911">
                  <c:v>-1489878.5050189099</c:v>
                </c:pt>
                <c:pt idx="912">
                  <c:v>-1491637.11015931</c:v>
                </c:pt>
                <c:pt idx="913">
                  <c:v>-1488248.1147580401</c:v>
                </c:pt>
                <c:pt idx="914">
                  <c:v>-1494321.5463407801</c:v>
                </c:pt>
                <c:pt idx="915">
                  <c:v>-1493103.72162679</c:v>
                </c:pt>
                <c:pt idx="916">
                  <c:v>-1486258.29660716</c:v>
                </c:pt>
                <c:pt idx="917">
                  <c:v>-1489362.6417475401</c:v>
                </c:pt>
                <c:pt idx="918">
                  <c:v>-1487791.0624063299</c:v>
                </c:pt>
                <c:pt idx="919">
                  <c:v>-1497544.2111319299</c:v>
                </c:pt>
                <c:pt idx="920">
                  <c:v>-1488054.39588717</c:v>
                </c:pt>
                <c:pt idx="921">
                  <c:v>-1486182.5172458901</c:v>
                </c:pt>
                <c:pt idx="922">
                  <c:v>-1493144.2197995901</c:v>
                </c:pt>
                <c:pt idx="923">
                  <c:v>-1499161.28603196</c:v>
                </c:pt>
                <c:pt idx="924">
                  <c:v>-1491815.73886424</c:v>
                </c:pt>
                <c:pt idx="925">
                  <c:v>-1493955.9812672101</c:v>
                </c:pt>
                <c:pt idx="926">
                  <c:v>-1494251.61475179</c:v>
                </c:pt>
                <c:pt idx="927">
                  <c:v>-1492220.88133579</c:v>
                </c:pt>
                <c:pt idx="928">
                  <c:v>-1498251.99632147</c:v>
                </c:pt>
                <c:pt idx="929">
                  <c:v>-1491216.2591693499</c:v>
                </c:pt>
                <c:pt idx="930">
                  <c:v>-1502985.5779451099</c:v>
                </c:pt>
                <c:pt idx="931">
                  <c:v>-1487018.5844975</c:v>
                </c:pt>
                <c:pt idx="932">
                  <c:v>-1598544.77129847</c:v>
                </c:pt>
                <c:pt idx="933">
                  <c:v>-1580229.84687102</c:v>
                </c:pt>
                <c:pt idx="934">
                  <c:v>-1584998.3703038699</c:v>
                </c:pt>
                <c:pt idx="935">
                  <c:v>-1538911.0340223201</c:v>
                </c:pt>
                <c:pt idx="936">
                  <c:v>-1487583.97007355</c:v>
                </c:pt>
                <c:pt idx="937">
                  <c:v>-1489446.1317983</c:v>
                </c:pt>
                <c:pt idx="938">
                  <c:v>-1494350.01955831</c:v>
                </c:pt>
                <c:pt idx="939">
                  <c:v>-1490166.5008464199</c:v>
                </c:pt>
                <c:pt idx="940">
                  <c:v>-1487705.35416903</c:v>
                </c:pt>
                <c:pt idx="941">
                  <c:v>-1491122.9443039701</c:v>
                </c:pt>
                <c:pt idx="942">
                  <c:v>-1495367.3533087999</c:v>
                </c:pt>
                <c:pt idx="943">
                  <c:v>-1507945.43158908</c:v>
                </c:pt>
                <c:pt idx="944">
                  <c:v>-1580752.1259163099</c:v>
                </c:pt>
                <c:pt idx="945">
                  <c:v>-1525516.5758623499</c:v>
                </c:pt>
                <c:pt idx="946">
                  <c:v>-1488908.9726978501</c:v>
                </c:pt>
                <c:pt idx="947">
                  <c:v>-1489653.5032667101</c:v>
                </c:pt>
                <c:pt idx="948">
                  <c:v>-1487566.0606541301</c:v>
                </c:pt>
                <c:pt idx="949">
                  <c:v>-1482894.3523408601</c:v>
                </c:pt>
                <c:pt idx="950">
                  <c:v>-1499759.5472414</c:v>
                </c:pt>
                <c:pt idx="951">
                  <c:v>-1495184.83192895</c:v>
                </c:pt>
                <c:pt idx="952">
                  <c:v>-1483250.6400237</c:v>
                </c:pt>
                <c:pt idx="953">
                  <c:v>-1495555.4699750601</c:v>
                </c:pt>
                <c:pt idx="954">
                  <c:v>-1496718.1316678401</c:v>
                </c:pt>
                <c:pt idx="955">
                  <c:v>-1491984.5500441999</c:v>
                </c:pt>
                <c:pt idx="956">
                  <c:v>-1491618.63278604</c:v>
                </c:pt>
                <c:pt idx="957">
                  <c:v>-1499759.5472414</c:v>
                </c:pt>
                <c:pt idx="958">
                  <c:v>-1517728.90859304</c:v>
                </c:pt>
                <c:pt idx="959">
                  <c:v>-1652660.1133452801</c:v>
                </c:pt>
                <c:pt idx="960">
                  <c:v>-1574810.9831413899</c:v>
                </c:pt>
                <c:pt idx="961">
                  <c:v>-1542496.51199793</c:v>
                </c:pt>
                <c:pt idx="962">
                  <c:v>-1490103.3712644</c:v>
                </c:pt>
                <c:pt idx="963">
                  <c:v>-1491199.8866864799</c:v>
                </c:pt>
                <c:pt idx="964">
                  <c:v>-1480160.6054098001</c:v>
                </c:pt>
                <c:pt idx="965">
                  <c:v>-1495347.9495586001</c:v>
                </c:pt>
                <c:pt idx="966">
                  <c:v>-1497053.6692280101</c:v>
                </c:pt>
                <c:pt idx="967">
                  <c:v>-1485038.55743311</c:v>
                </c:pt>
                <c:pt idx="968">
                  <c:v>-1488649.2498570201</c:v>
                </c:pt>
                <c:pt idx="969">
                  <c:v>-1497556.5974333601</c:v>
                </c:pt>
                <c:pt idx="970">
                  <c:v>-1482644.3284651099</c:v>
                </c:pt>
                <c:pt idx="971">
                  <c:v>-1495629.1840321801</c:v>
                </c:pt>
                <c:pt idx="972">
                  <c:v>-1617725.6881512301</c:v>
                </c:pt>
                <c:pt idx="973">
                  <c:v>-1574655.2745034201</c:v>
                </c:pt>
                <c:pt idx="974">
                  <c:v>-1499386.38565648</c:v>
                </c:pt>
                <c:pt idx="975">
                  <c:v>-1501824.4357574601</c:v>
                </c:pt>
                <c:pt idx="976">
                  <c:v>-1604670.09631342</c:v>
                </c:pt>
                <c:pt idx="977">
                  <c:v>-1569047.20005624</c:v>
                </c:pt>
                <c:pt idx="978">
                  <c:v>-1593616.6187271599</c:v>
                </c:pt>
                <c:pt idx="979">
                  <c:v>-1584402.48532119</c:v>
                </c:pt>
                <c:pt idx="980">
                  <c:v>-1571128.9949191201</c:v>
                </c:pt>
                <c:pt idx="981">
                  <c:v>-1574555.0891954401</c:v>
                </c:pt>
                <c:pt idx="982">
                  <c:v>-1477854.69812269</c:v>
                </c:pt>
                <c:pt idx="983">
                  <c:v>-1568451.7941308799</c:v>
                </c:pt>
                <c:pt idx="984">
                  <c:v>-1505680.8624365299</c:v>
                </c:pt>
                <c:pt idx="985">
                  <c:v>-1491799.9240959799</c:v>
                </c:pt>
                <c:pt idx="986">
                  <c:v>-1481349.8791167401</c:v>
                </c:pt>
                <c:pt idx="987">
                  <c:v>-1494570.90078657</c:v>
                </c:pt>
                <c:pt idx="988">
                  <c:v>-1489662.4095252</c:v>
                </c:pt>
                <c:pt idx="989">
                  <c:v>-1480122.3873445401</c:v>
                </c:pt>
                <c:pt idx="990">
                  <c:v>-1500003.5346931999</c:v>
                </c:pt>
                <c:pt idx="991">
                  <c:v>-1492305.28690501</c:v>
                </c:pt>
                <c:pt idx="992">
                  <c:v>-1491254.6958989</c:v>
                </c:pt>
                <c:pt idx="993">
                  <c:v>-1479877.24091186</c:v>
                </c:pt>
                <c:pt idx="994">
                  <c:v>-1489039.5721243401</c:v>
                </c:pt>
                <c:pt idx="995">
                  <c:v>-1496705.2782373601</c:v>
                </c:pt>
                <c:pt idx="996">
                  <c:v>-1493357.0767886201</c:v>
                </c:pt>
                <c:pt idx="997">
                  <c:v>-1499145.61609903</c:v>
                </c:pt>
                <c:pt idx="998">
                  <c:v>-1493186.73627358</c:v>
                </c:pt>
                <c:pt idx="999">
                  <c:v>-1491947.60140028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576-4D21-BE64-A0D511963F77}"/>
            </c:ext>
          </c:extLst>
        </c:ser>
        <c:ser>
          <c:idx val="2"/>
          <c:order val="2"/>
          <c:tx>
            <c:strRef>
              <c:f>genetic_hard_4_5000_100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hard_4_5000_100!$C$2:$C$1001</c:f>
              <c:numCache>
                <c:formatCode>General</c:formatCode>
                <c:ptCount val="1000"/>
                <c:pt idx="0">
                  <c:v>-17583933.261393901</c:v>
                </c:pt>
                <c:pt idx="1">
                  <c:v>-17117444.469526201</c:v>
                </c:pt>
                <c:pt idx="2">
                  <c:v>-16629640.4198638</c:v>
                </c:pt>
                <c:pt idx="3">
                  <c:v>-16317140.1749095</c:v>
                </c:pt>
                <c:pt idx="4">
                  <c:v>-15963991.403016699</c:v>
                </c:pt>
                <c:pt idx="5">
                  <c:v>-15648875.758106999</c:v>
                </c:pt>
                <c:pt idx="6">
                  <c:v>-15360812.547091899</c:v>
                </c:pt>
                <c:pt idx="7">
                  <c:v>-15029707.1293492</c:v>
                </c:pt>
                <c:pt idx="8">
                  <c:v>-14809418.338774901</c:v>
                </c:pt>
                <c:pt idx="9">
                  <c:v>-14516180.3839233</c:v>
                </c:pt>
                <c:pt idx="10">
                  <c:v>-14371608.9371523</c:v>
                </c:pt>
                <c:pt idx="11">
                  <c:v>-14133287.6380303</c:v>
                </c:pt>
                <c:pt idx="12">
                  <c:v>-13935284.702085599</c:v>
                </c:pt>
                <c:pt idx="13">
                  <c:v>-13698908.7050198</c:v>
                </c:pt>
                <c:pt idx="14">
                  <c:v>-13518986.989832699</c:v>
                </c:pt>
                <c:pt idx="15">
                  <c:v>-13276649.9406799</c:v>
                </c:pt>
                <c:pt idx="16">
                  <c:v>-13100010.5949379</c:v>
                </c:pt>
                <c:pt idx="17">
                  <c:v>-12884829.6175486</c:v>
                </c:pt>
                <c:pt idx="18">
                  <c:v>-12729629.311108099</c:v>
                </c:pt>
                <c:pt idx="19">
                  <c:v>-12539961.0045834</c:v>
                </c:pt>
                <c:pt idx="20">
                  <c:v>-12380565.5931913</c:v>
                </c:pt>
                <c:pt idx="21">
                  <c:v>-12244097.4773241</c:v>
                </c:pt>
                <c:pt idx="22">
                  <c:v>-12037741.7624611</c:v>
                </c:pt>
                <c:pt idx="23">
                  <c:v>-11884500.035617899</c:v>
                </c:pt>
                <c:pt idx="24">
                  <c:v>-11750313.1552088</c:v>
                </c:pt>
                <c:pt idx="25">
                  <c:v>-11603502.3205275</c:v>
                </c:pt>
                <c:pt idx="26">
                  <c:v>-11436488.412946001</c:v>
                </c:pt>
                <c:pt idx="27">
                  <c:v>-11311461.609111801</c:v>
                </c:pt>
                <c:pt idx="28">
                  <c:v>-11204853.159911601</c:v>
                </c:pt>
                <c:pt idx="29">
                  <c:v>-11087713.1975576</c:v>
                </c:pt>
                <c:pt idx="30">
                  <c:v>-10979042.5491831</c:v>
                </c:pt>
                <c:pt idx="31">
                  <c:v>-10851319.6383589</c:v>
                </c:pt>
                <c:pt idx="32">
                  <c:v>-10711528.3725677</c:v>
                </c:pt>
                <c:pt idx="33">
                  <c:v>-10567289.4037624</c:v>
                </c:pt>
                <c:pt idx="34">
                  <c:v>-10461229.3276728</c:v>
                </c:pt>
                <c:pt idx="35">
                  <c:v>-10366973.1886598</c:v>
                </c:pt>
                <c:pt idx="36">
                  <c:v>-10278720.3783815</c:v>
                </c:pt>
                <c:pt idx="37">
                  <c:v>-10170604.674898</c:v>
                </c:pt>
                <c:pt idx="38">
                  <c:v>-10062839.544800799</c:v>
                </c:pt>
                <c:pt idx="39">
                  <c:v>-9982606.3601901196</c:v>
                </c:pt>
                <c:pt idx="40">
                  <c:v>-9867715.5365570504</c:v>
                </c:pt>
                <c:pt idx="41">
                  <c:v>-9770073.2232649904</c:v>
                </c:pt>
                <c:pt idx="42">
                  <c:v>-9643101.1680265106</c:v>
                </c:pt>
                <c:pt idx="43">
                  <c:v>-9550576.5889103897</c:v>
                </c:pt>
                <c:pt idx="44">
                  <c:v>-9452500.4988749195</c:v>
                </c:pt>
                <c:pt idx="45">
                  <c:v>-9355358.9854384605</c:v>
                </c:pt>
                <c:pt idx="46">
                  <c:v>-9234209.6260851193</c:v>
                </c:pt>
                <c:pt idx="47">
                  <c:v>-9151561.0887312796</c:v>
                </c:pt>
                <c:pt idx="48">
                  <c:v>-9057010.0226218794</c:v>
                </c:pt>
                <c:pt idx="49">
                  <c:v>-8984070.7138404492</c:v>
                </c:pt>
                <c:pt idx="50">
                  <c:v>-8902553.5695602</c:v>
                </c:pt>
                <c:pt idx="51">
                  <c:v>-8801482.2522477806</c:v>
                </c:pt>
                <c:pt idx="52">
                  <c:v>-8742501.6443206798</c:v>
                </c:pt>
                <c:pt idx="53">
                  <c:v>-8657325.2903004605</c:v>
                </c:pt>
                <c:pt idx="54">
                  <c:v>-8585662.6690499093</c:v>
                </c:pt>
                <c:pt idx="55">
                  <c:v>-8499920.4860579707</c:v>
                </c:pt>
                <c:pt idx="56">
                  <c:v>-8433605.1653106902</c:v>
                </c:pt>
                <c:pt idx="57">
                  <c:v>-8368276.4691541698</c:v>
                </c:pt>
                <c:pt idx="58">
                  <c:v>-8277583.0660746796</c:v>
                </c:pt>
                <c:pt idx="59">
                  <c:v>-8212452.0832619201</c:v>
                </c:pt>
                <c:pt idx="60">
                  <c:v>-8145002.0591690997</c:v>
                </c:pt>
                <c:pt idx="61">
                  <c:v>-8066618.0414003199</c:v>
                </c:pt>
                <c:pt idx="62">
                  <c:v>-8016605.4568304503</c:v>
                </c:pt>
                <c:pt idx="63">
                  <c:v>-7921735.1402794896</c:v>
                </c:pt>
                <c:pt idx="64">
                  <c:v>-7863101.2079956699</c:v>
                </c:pt>
                <c:pt idx="65">
                  <c:v>-7789186.0216092998</c:v>
                </c:pt>
                <c:pt idx="66">
                  <c:v>-7719625.6287267096</c:v>
                </c:pt>
                <c:pt idx="67">
                  <c:v>-7654068.6628982201</c:v>
                </c:pt>
                <c:pt idx="68">
                  <c:v>-7604885.6773244496</c:v>
                </c:pt>
                <c:pt idx="69">
                  <c:v>-7552576.6465050001</c:v>
                </c:pt>
                <c:pt idx="70">
                  <c:v>-7487165.6202068897</c:v>
                </c:pt>
                <c:pt idx="71">
                  <c:v>-7426242.9364345605</c:v>
                </c:pt>
                <c:pt idx="72">
                  <c:v>-7376981.5580404401</c:v>
                </c:pt>
                <c:pt idx="73">
                  <c:v>-7302827.6436370201</c:v>
                </c:pt>
                <c:pt idx="74">
                  <c:v>-7267113.47291415</c:v>
                </c:pt>
                <c:pt idx="75">
                  <c:v>-7214463.9384791497</c:v>
                </c:pt>
                <c:pt idx="76">
                  <c:v>-7160166.4189003399</c:v>
                </c:pt>
                <c:pt idx="77">
                  <c:v>-7115413.5693981703</c:v>
                </c:pt>
                <c:pt idx="78">
                  <c:v>-7063634.8620892502</c:v>
                </c:pt>
                <c:pt idx="79">
                  <c:v>-7002305.3309577601</c:v>
                </c:pt>
                <c:pt idx="80">
                  <c:v>-6953565.61633843</c:v>
                </c:pt>
                <c:pt idx="81">
                  <c:v>-6908845.4901409196</c:v>
                </c:pt>
                <c:pt idx="82">
                  <c:v>-6861360.0231130701</c:v>
                </c:pt>
                <c:pt idx="83">
                  <c:v>-6809065.5925085703</c:v>
                </c:pt>
                <c:pt idx="84">
                  <c:v>-6754972.4805837302</c:v>
                </c:pt>
                <c:pt idx="85">
                  <c:v>-6717689.06904417</c:v>
                </c:pt>
                <c:pt idx="86">
                  <c:v>-6659235.3288315702</c:v>
                </c:pt>
                <c:pt idx="87">
                  <c:v>-6614609.0542698205</c:v>
                </c:pt>
                <c:pt idx="88">
                  <c:v>-6572438.61201772</c:v>
                </c:pt>
                <c:pt idx="89">
                  <c:v>-6533747.4749056799</c:v>
                </c:pt>
                <c:pt idx="90">
                  <c:v>-6484790.5211270498</c:v>
                </c:pt>
                <c:pt idx="91">
                  <c:v>-6436780.0625718497</c:v>
                </c:pt>
                <c:pt idx="92">
                  <c:v>-6388424.3749109004</c:v>
                </c:pt>
                <c:pt idx="93">
                  <c:v>-6351740.1407586904</c:v>
                </c:pt>
                <c:pt idx="94">
                  <c:v>-6306650.5377992699</c:v>
                </c:pt>
                <c:pt idx="95">
                  <c:v>-6267245.30944141</c:v>
                </c:pt>
                <c:pt idx="96">
                  <c:v>-6221705.9638720797</c:v>
                </c:pt>
                <c:pt idx="97">
                  <c:v>-6181324.3583323704</c:v>
                </c:pt>
                <c:pt idx="98">
                  <c:v>-6131688.7699330198</c:v>
                </c:pt>
                <c:pt idx="99">
                  <c:v>-6098127.5973746898</c:v>
                </c:pt>
                <c:pt idx="100">
                  <c:v>-6060537.9564023102</c:v>
                </c:pt>
                <c:pt idx="101">
                  <c:v>-6019152.5419029901</c:v>
                </c:pt>
                <c:pt idx="102">
                  <c:v>-5976679.9310702002</c:v>
                </c:pt>
                <c:pt idx="103">
                  <c:v>-5931750.0701676104</c:v>
                </c:pt>
                <c:pt idx="104">
                  <c:v>-5894526.23738492</c:v>
                </c:pt>
                <c:pt idx="105">
                  <c:v>-5850367.9922843799</c:v>
                </c:pt>
                <c:pt idx="106">
                  <c:v>-5804849.4790952904</c:v>
                </c:pt>
                <c:pt idx="107">
                  <c:v>-5763431.7654725602</c:v>
                </c:pt>
                <c:pt idx="108">
                  <c:v>-5723595.57471593</c:v>
                </c:pt>
                <c:pt idx="109">
                  <c:v>-5682250.9172042999</c:v>
                </c:pt>
                <c:pt idx="110">
                  <c:v>-5648115.5436128601</c:v>
                </c:pt>
                <c:pt idx="111">
                  <c:v>-5619257.4421471097</c:v>
                </c:pt>
                <c:pt idx="112">
                  <c:v>-5576208.2325670104</c:v>
                </c:pt>
                <c:pt idx="113">
                  <c:v>-5550836.4825917603</c:v>
                </c:pt>
                <c:pt idx="114">
                  <c:v>-5513568.2793179397</c:v>
                </c:pt>
                <c:pt idx="115">
                  <c:v>-5483909.21611006</c:v>
                </c:pt>
                <c:pt idx="116">
                  <c:v>-5448877.8291846197</c:v>
                </c:pt>
                <c:pt idx="117">
                  <c:v>-5418500.3830020502</c:v>
                </c:pt>
                <c:pt idx="118">
                  <c:v>-5382010.6450945996</c:v>
                </c:pt>
                <c:pt idx="119">
                  <c:v>-5352781.11340982</c:v>
                </c:pt>
                <c:pt idx="120">
                  <c:v>-5325805.6584612103</c:v>
                </c:pt>
                <c:pt idx="121">
                  <c:v>-5302048.1739836195</c:v>
                </c:pt>
                <c:pt idx="122">
                  <c:v>-5266892.02390581</c:v>
                </c:pt>
                <c:pt idx="123">
                  <c:v>-5240982.6675597504</c:v>
                </c:pt>
                <c:pt idx="124">
                  <c:v>-5213058.0328244399</c:v>
                </c:pt>
                <c:pt idx="125">
                  <c:v>-5179816.2249260899</c:v>
                </c:pt>
                <c:pt idx="126">
                  <c:v>-5146205.3925619498</c:v>
                </c:pt>
                <c:pt idx="127">
                  <c:v>-5117515.2305740397</c:v>
                </c:pt>
                <c:pt idx="128">
                  <c:v>-5082060.8887568796</c:v>
                </c:pt>
                <c:pt idx="129">
                  <c:v>-5050555.71297199</c:v>
                </c:pt>
                <c:pt idx="130">
                  <c:v>-5021706.0269923098</c:v>
                </c:pt>
                <c:pt idx="131">
                  <c:v>-4986243.7364854803</c:v>
                </c:pt>
                <c:pt idx="132">
                  <c:v>-4963365.3637138</c:v>
                </c:pt>
                <c:pt idx="133">
                  <c:v>-4933037.4186076801</c:v>
                </c:pt>
                <c:pt idx="134">
                  <c:v>-4904259.8833826296</c:v>
                </c:pt>
                <c:pt idx="135">
                  <c:v>-4876940.0994753996</c:v>
                </c:pt>
                <c:pt idx="136">
                  <c:v>-4849331.0801532604</c:v>
                </c:pt>
                <c:pt idx="137">
                  <c:v>-4818789.7912026402</c:v>
                </c:pt>
                <c:pt idx="138">
                  <c:v>-4796275.4565606602</c:v>
                </c:pt>
                <c:pt idx="139">
                  <c:v>-4768951.6819747398</c:v>
                </c:pt>
                <c:pt idx="140">
                  <c:v>-4738962.3813220104</c:v>
                </c:pt>
                <c:pt idx="141">
                  <c:v>-4707788.85846915</c:v>
                </c:pt>
                <c:pt idx="142">
                  <c:v>-4683058.8232132103</c:v>
                </c:pt>
                <c:pt idx="143">
                  <c:v>-4656432.0573225897</c:v>
                </c:pt>
                <c:pt idx="144">
                  <c:v>-4629821.8589669298</c:v>
                </c:pt>
                <c:pt idx="145">
                  <c:v>-4608649.3134260504</c:v>
                </c:pt>
                <c:pt idx="146">
                  <c:v>-4580807.3478083303</c:v>
                </c:pt>
                <c:pt idx="147">
                  <c:v>-4559783.8382046903</c:v>
                </c:pt>
                <c:pt idx="148">
                  <c:v>-4532377.6304837102</c:v>
                </c:pt>
                <c:pt idx="149">
                  <c:v>-4504206.2083358299</c:v>
                </c:pt>
                <c:pt idx="150">
                  <c:v>-4483109.0091158999</c:v>
                </c:pt>
                <c:pt idx="151">
                  <c:v>-4457123.8620113498</c:v>
                </c:pt>
                <c:pt idx="152">
                  <c:v>-4436397.8513350999</c:v>
                </c:pt>
                <c:pt idx="153">
                  <c:v>-4411600.4699394396</c:v>
                </c:pt>
                <c:pt idx="154">
                  <c:v>-4388425.0351244695</c:v>
                </c:pt>
                <c:pt idx="155">
                  <c:v>-4353299.3486105604</c:v>
                </c:pt>
                <c:pt idx="156">
                  <c:v>-4331008.59989761</c:v>
                </c:pt>
                <c:pt idx="157">
                  <c:v>-4303554.3179098302</c:v>
                </c:pt>
                <c:pt idx="158">
                  <c:v>-4287221.0969903497</c:v>
                </c:pt>
                <c:pt idx="159">
                  <c:v>-4263162.5387138296</c:v>
                </c:pt>
                <c:pt idx="160">
                  <c:v>-4235957.0796731198</c:v>
                </c:pt>
                <c:pt idx="161">
                  <c:v>-4214045.6247133501</c:v>
                </c:pt>
                <c:pt idx="162">
                  <c:v>-4191334.0660472601</c:v>
                </c:pt>
                <c:pt idx="163">
                  <c:v>-4169519.8786795498</c:v>
                </c:pt>
                <c:pt idx="164">
                  <c:v>-4143945.3328054599</c:v>
                </c:pt>
                <c:pt idx="165">
                  <c:v>-4121882.2871632199</c:v>
                </c:pt>
                <c:pt idx="166">
                  <c:v>-4104313.89313934</c:v>
                </c:pt>
                <c:pt idx="167">
                  <c:v>-4080689.2467907201</c:v>
                </c:pt>
                <c:pt idx="168">
                  <c:v>-4059132.6410015901</c:v>
                </c:pt>
                <c:pt idx="169">
                  <c:v>-4043379.2313943398</c:v>
                </c:pt>
                <c:pt idx="170">
                  <c:v>-4020950.0774901002</c:v>
                </c:pt>
                <c:pt idx="171">
                  <c:v>-3997915.8952347701</c:v>
                </c:pt>
                <c:pt idx="172">
                  <c:v>-3981212.4916085899</c:v>
                </c:pt>
                <c:pt idx="173">
                  <c:v>-3961088.4832457802</c:v>
                </c:pt>
                <c:pt idx="174">
                  <c:v>-3943556.5708837602</c:v>
                </c:pt>
                <c:pt idx="175">
                  <c:v>-3928666.15384496</c:v>
                </c:pt>
                <c:pt idx="176">
                  <c:v>-3909501.5423755199</c:v>
                </c:pt>
                <c:pt idx="177">
                  <c:v>-3893270.3906370499</c:v>
                </c:pt>
                <c:pt idx="178">
                  <c:v>-3870537.5381078101</c:v>
                </c:pt>
                <c:pt idx="179">
                  <c:v>-3855573.2332551801</c:v>
                </c:pt>
                <c:pt idx="180">
                  <c:v>-3833417.8956646202</c:v>
                </c:pt>
                <c:pt idx="181">
                  <c:v>-3815739.2869044901</c:v>
                </c:pt>
                <c:pt idx="182">
                  <c:v>-3793652.38337267</c:v>
                </c:pt>
                <c:pt idx="183">
                  <c:v>-3773869.9350991002</c:v>
                </c:pt>
                <c:pt idx="184">
                  <c:v>-3752221.1807829202</c:v>
                </c:pt>
                <c:pt idx="185">
                  <c:v>-3735153.4089912199</c:v>
                </c:pt>
                <c:pt idx="186">
                  <c:v>-3716889.07798708</c:v>
                </c:pt>
                <c:pt idx="187">
                  <c:v>-3692175.08527984</c:v>
                </c:pt>
                <c:pt idx="188">
                  <c:v>-3681410.3277518102</c:v>
                </c:pt>
                <c:pt idx="189">
                  <c:v>-3664667.7102885302</c:v>
                </c:pt>
                <c:pt idx="190">
                  <c:v>-3649567.9661131501</c:v>
                </c:pt>
                <c:pt idx="191">
                  <c:v>-3631009.1311170999</c:v>
                </c:pt>
                <c:pt idx="192">
                  <c:v>-3614124.40499245</c:v>
                </c:pt>
                <c:pt idx="193">
                  <c:v>-3595472.0459648101</c:v>
                </c:pt>
                <c:pt idx="194">
                  <c:v>-3579251.9744309601</c:v>
                </c:pt>
                <c:pt idx="195">
                  <c:v>-3561428.2484589401</c:v>
                </c:pt>
                <c:pt idx="196">
                  <c:v>-3544866.1560705402</c:v>
                </c:pt>
                <c:pt idx="197">
                  <c:v>-3531845.3183341799</c:v>
                </c:pt>
                <c:pt idx="198">
                  <c:v>-3516869.7043975201</c:v>
                </c:pt>
                <c:pt idx="199">
                  <c:v>-3495013.45220243</c:v>
                </c:pt>
                <c:pt idx="200">
                  <c:v>-3481321.1337527498</c:v>
                </c:pt>
                <c:pt idx="201">
                  <c:v>-3466910.0713817799</c:v>
                </c:pt>
                <c:pt idx="202">
                  <c:v>-3452288.1091164602</c:v>
                </c:pt>
                <c:pt idx="203">
                  <c:v>-3438382.4390838002</c:v>
                </c:pt>
                <c:pt idx="204">
                  <c:v>-3424058.0163830202</c:v>
                </c:pt>
                <c:pt idx="205">
                  <c:v>-3408103.6684826799</c:v>
                </c:pt>
                <c:pt idx="206">
                  <c:v>-3393356.0465831701</c:v>
                </c:pt>
                <c:pt idx="207">
                  <c:v>-3380470.7417349401</c:v>
                </c:pt>
                <c:pt idx="208">
                  <c:v>-3365974.0711871702</c:v>
                </c:pt>
                <c:pt idx="209">
                  <c:v>-3349415.5401302101</c:v>
                </c:pt>
                <c:pt idx="210">
                  <c:v>-3333952.0002912902</c:v>
                </c:pt>
                <c:pt idx="211">
                  <c:v>-3319235.7101118499</c:v>
                </c:pt>
                <c:pt idx="212">
                  <c:v>-3302533.1264110799</c:v>
                </c:pt>
                <c:pt idx="213">
                  <c:v>-3286653.6819278998</c:v>
                </c:pt>
                <c:pt idx="214">
                  <c:v>-3270734.8099117498</c:v>
                </c:pt>
                <c:pt idx="215">
                  <c:v>-3254383.3888894399</c:v>
                </c:pt>
                <c:pt idx="216">
                  <c:v>-3242434.5185246998</c:v>
                </c:pt>
                <c:pt idx="217">
                  <c:v>-3230311.9677435099</c:v>
                </c:pt>
                <c:pt idx="218">
                  <c:v>-3216609.8158255899</c:v>
                </c:pt>
                <c:pt idx="219">
                  <c:v>-3202475.54346269</c:v>
                </c:pt>
                <c:pt idx="220">
                  <c:v>-3188485.2195621799</c:v>
                </c:pt>
                <c:pt idx="221">
                  <c:v>-3173478.5254873298</c:v>
                </c:pt>
                <c:pt idx="222">
                  <c:v>-3160128.8127123499</c:v>
                </c:pt>
                <c:pt idx="223">
                  <c:v>-3147027.1238671201</c:v>
                </c:pt>
                <c:pt idx="224">
                  <c:v>-3135590.8361702999</c:v>
                </c:pt>
                <c:pt idx="225">
                  <c:v>-3122727.29909027</c:v>
                </c:pt>
                <c:pt idx="226">
                  <c:v>-3110847.6245562201</c:v>
                </c:pt>
                <c:pt idx="227">
                  <c:v>-3097012.1835670499</c:v>
                </c:pt>
                <c:pt idx="228">
                  <c:v>-3086292.0078755398</c:v>
                </c:pt>
                <c:pt idx="229">
                  <c:v>-3070287.2223847699</c:v>
                </c:pt>
                <c:pt idx="230">
                  <c:v>-3058964.44892444</c:v>
                </c:pt>
                <c:pt idx="231">
                  <c:v>-3042274.7205923898</c:v>
                </c:pt>
                <c:pt idx="232">
                  <c:v>-3032379.8075175402</c:v>
                </c:pt>
                <c:pt idx="233">
                  <c:v>-3017034.4918629401</c:v>
                </c:pt>
                <c:pt idx="234">
                  <c:v>-3003817.2375028101</c:v>
                </c:pt>
                <c:pt idx="235">
                  <c:v>-2988948.9802592602</c:v>
                </c:pt>
                <c:pt idx="236">
                  <c:v>-2976385.8695685002</c:v>
                </c:pt>
                <c:pt idx="237">
                  <c:v>-2962835.3666502801</c:v>
                </c:pt>
                <c:pt idx="238">
                  <c:v>-2951280.4285181998</c:v>
                </c:pt>
                <c:pt idx="239">
                  <c:v>-2942365.6493069399</c:v>
                </c:pt>
                <c:pt idx="240">
                  <c:v>-2929763.4955406701</c:v>
                </c:pt>
                <c:pt idx="241">
                  <c:v>-2916242.99771671</c:v>
                </c:pt>
                <c:pt idx="242">
                  <c:v>-2903922.51740751</c:v>
                </c:pt>
                <c:pt idx="243">
                  <c:v>-2892829.1099877502</c:v>
                </c:pt>
                <c:pt idx="244">
                  <c:v>-2878353.7875905898</c:v>
                </c:pt>
                <c:pt idx="245">
                  <c:v>-2870127.5347450702</c:v>
                </c:pt>
                <c:pt idx="246">
                  <c:v>-2858402.7303729402</c:v>
                </c:pt>
                <c:pt idx="247">
                  <c:v>-2847702.8301934302</c:v>
                </c:pt>
                <c:pt idx="248">
                  <c:v>-2834954.7436425602</c:v>
                </c:pt>
                <c:pt idx="249">
                  <c:v>-2822421.3115990502</c:v>
                </c:pt>
                <c:pt idx="250">
                  <c:v>-2810743.0165508599</c:v>
                </c:pt>
                <c:pt idx="251">
                  <c:v>-2800516.5291120899</c:v>
                </c:pt>
                <c:pt idx="252">
                  <c:v>-2787913.3518544398</c:v>
                </c:pt>
                <c:pt idx="253">
                  <c:v>-2778933.2977163899</c:v>
                </c:pt>
                <c:pt idx="254">
                  <c:v>-2769362.00303195</c:v>
                </c:pt>
                <c:pt idx="255">
                  <c:v>-2759834.7474627602</c:v>
                </c:pt>
                <c:pt idx="256">
                  <c:v>-2748995.2890294301</c:v>
                </c:pt>
                <c:pt idx="257">
                  <c:v>-2739700.9803156201</c:v>
                </c:pt>
                <c:pt idx="258">
                  <c:v>-2729285.4388759499</c:v>
                </c:pt>
                <c:pt idx="259">
                  <c:v>-2721928.2626179699</c:v>
                </c:pt>
                <c:pt idx="260">
                  <c:v>-2708710.72787849</c:v>
                </c:pt>
                <c:pt idx="261">
                  <c:v>-2697655.1347380201</c:v>
                </c:pt>
                <c:pt idx="262">
                  <c:v>-2689272.3303398499</c:v>
                </c:pt>
                <c:pt idx="263">
                  <c:v>-2682263.9795910199</c:v>
                </c:pt>
                <c:pt idx="264">
                  <c:v>-2670786.3719945801</c:v>
                </c:pt>
                <c:pt idx="265">
                  <c:v>-2661321.7182710399</c:v>
                </c:pt>
                <c:pt idx="266">
                  <c:v>-2651473.3865819699</c:v>
                </c:pt>
                <c:pt idx="267">
                  <c:v>-2642541.0442055101</c:v>
                </c:pt>
                <c:pt idx="268">
                  <c:v>-2633124.2082834099</c:v>
                </c:pt>
                <c:pt idx="269">
                  <c:v>-2623465.9731826801</c:v>
                </c:pt>
                <c:pt idx="270">
                  <c:v>-2613754.2391170999</c:v>
                </c:pt>
                <c:pt idx="271">
                  <c:v>-2604295.06141234</c:v>
                </c:pt>
                <c:pt idx="272">
                  <c:v>-2595202.5707642101</c:v>
                </c:pt>
                <c:pt idx="273">
                  <c:v>-2585386.79052096</c:v>
                </c:pt>
                <c:pt idx="274">
                  <c:v>-2574452.2491954798</c:v>
                </c:pt>
                <c:pt idx="275">
                  <c:v>-2566067.5808986002</c:v>
                </c:pt>
                <c:pt idx="276">
                  <c:v>-2556048.81821698</c:v>
                </c:pt>
                <c:pt idx="277">
                  <c:v>-2546834.2839085301</c:v>
                </c:pt>
                <c:pt idx="278">
                  <c:v>-2535377.9664134299</c:v>
                </c:pt>
                <c:pt idx="279">
                  <c:v>-2525932.2970586699</c:v>
                </c:pt>
                <c:pt idx="280">
                  <c:v>-2517313.18766732</c:v>
                </c:pt>
                <c:pt idx="281">
                  <c:v>-2506851.9598492701</c:v>
                </c:pt>
                <c:pt idx="282">
                  <c:v>-2500475.7010321901</c:v>
                </c:pt>
                <c:pt idx="283">
                  <c:v>-2491723.51469489</c:v>
                </c:pt>
                <c:pt idx="284">
                  <c:v>-2485336.3268909901</c:v>
                </c:pt>
                <c:pt idx="285">
                  <c:v>-2476311.3559592599</c:v>
                </c:pt>
                <c:pt idx="286">
                  <c:v>-2465464.1637310502</c:v>
                </c:pt>
                <c:pt idx="287">
                  <c:v>-2458857.4154449701</c:v>
                </c:pt>
                <c:pt idx="288">
                  <c:v>-2449328.08063022</c:v>
                </c:pt>
                <c:pt idx="289">
                  <c:v>-2444070.1311633498</c:v>
                </c:pt>
                <c:pt idx="290">
                  <c:v>-2436138.1988683301</c:v>
                </c:pt>
                <c:pt idx="291">
                  <c:v>-2430968.3471063799</c:v>
                </c:pt>
                <c:pt idx="292">
                  <c:v>-2422688.6589818802</c:v>
                </c:pt>
                <c:pt idx="293">
                  <c:v>-2417594.6277213902</c:v>
                </c:pt>
                <c:pt idx="294">
                  <c:v>-2410891.1191002601</c:v>
                </c:pt>
                <c:pt idx="295">
                  <c:v>-2402293.4081827002</c:v>
                </c:pt>
                <c:pt idx="296">
                  <c:v>-2396492.148488</c:v>
                </c:pt>
                <c:pt idx="297">
                  <c:v>-2386750.7610570998</c:v>
                </c:pt>
                <c:pt idx="298">
                  <c:v>-2377282.2309758598</c:v>
                </c:pt>
                <c:pt idx="299">
                  <c:v>-2369203.0930735199</c:v>
                </c:pt>
                <c:pt idx="300">
                  <c:v>-2360629.1703798799</c:v>
                </c:pt>
                <c:pt idx="301">
                  <c:v>-2351876.4503146699</c:v>
                </c:pt>
                <c:pt idx="302">
                  <c:v>-2342899.55029243</c:v>
                </c:pt>
                <c:pt idx="303">
                  <c:v>-2335994.62421116</c:v>
                </c:pt>
                <c:pt idx="304">
                  <c:v>-2328247.36286637</c:v>
                </c:pt>
                <c:pt idx="305">
                  <c:v>-2322839.6415050798</c:v>
                </c:pt>
                <c:pt idx="306">
                  <c:v>-2316512.0564486999</c:v>
                </c:pt>
                <c:pt idx="307">
                  <c:v>-2310405.7461119099</c:v>
                </c:pt>
                <c:pt idx="308">
                  <c:v>-2303775.8541560802</c:v>
                </c:pt>
                <c:pt idx="309">
                  <c:v>-2297176.75026527</c:v>
                </c:pt>
                <c:pt idx="310">
                  <c:v>-2289257.2000828502</c:v>
                </c:pt>
                <c:pt idx="311">
                  <c:v>-2282644.2213571202</c:v>
                </c:pt>
                <c:pt idx="312">
                  <c:v>-2275246.94312539</c:v>
                </c:pt>
                <c:pt idx="313">
                  <c:v>-2269230.5683088801</c:v>
                </c:pt>
                <c:pt idx="314">
                  <c:v>-2260768.7320922501</c:v>
                </c:pt>
                <c:pt idx="315">
                  <c:v>-2254742.4845199198</c:v>
                </c:pt>
                <c:pt idx="316">
                  <c:v>-2248465.4347982998</c:v>
                </c:pt>
                <c:pt idx="317">
                  <c:v>-2243253.9438825399</c:v>
                </c:pt>
                <c:pt idx="318">
                  <c:v>-2237250.2115998599</c:v>
                </c:pt>
                <c:pt idx="319">
                  <c:v>-2231061.1471409202</c:v>
                </c:pt>
                <c:pt idx="320">
                  <c:v>-2225330.4931873698</c:v>
                </c:pt>
                <c:pt idx="321">
                  <c:v>-2218410.3918351498</c:v>
                </c:pt>
                <c:pt idx="322">
                  <c:v>-2210806.4491532901</c:v>
                </c:pt>
                <c:pt idx="323">
                  <c:v>-2203325.1315936898</c:v>
                </c:pt>
                <c:pt idx="324">
                  <c:v>-2195982.01573605</c:v>
                </c:pt>
                <c:pt idx="325">
                  <c:v>-2186219.2105266098</c:v>
                </c:pt>
                <c:pt idx="326">
                  <c:v>-2179070.8382613398</c:v>
                </c:pt>
                <c:pt idx="327">
                  <c:v>-2169701.2028088798</c:v>
                </c:pt>
                <c:pt idx="328">
                  <c:v>-2163577.81356683</c:v>
                </c:pt>
                <c:pt idx="329">
                  <c:v>-2157600.6914766799</c:v>
                </c:pt>
                <c:pt idx="330">
                  <c:v>-2150894.77269971</c:v>
                </c:pt>
                <c:pt idx="331">
                  <c:v>-2144109.58324508</c:v>
                </c:pt>
                <c:pt idx="332">
                  <c:v>-2138249.02351001</c:v>
                </c:pt>
                <c:pt idx="333">
                  <c:v>-2132752.1168030999</c:v>
                </c:pt>
                <c:pt idx="334">
                  <c:v>-2126935.9319664501</c:v>
                </c:pt>
                <c:pt idx="335">
                  <c:v>-2120838.3352238098</c:v>
                </c:pt>
                <c:pt idx="336">
                  <c:v>-2115642.29627435</c:v>
                </c:pt>
                <c:pt idx="337">
                  <c:v>-2108257.1151853101</c:v>
                </c:pt>
                <c:pt idx="338">
                  <c:v>-2100451.7238161</c:v>
                </c:pt>
                <c:pt idx="339">
                  <c:v>-2093980.9297225701</c:v>
                </c:pt>
                <c:pt idx="340">
                  <c:v>-2089408.83840537</c:v>
                </c:pt>
                <c:pt idx="341">
                  <c:v>-2082982.09177472</c:v>
                </c:pt>
                <c:pt idx="342">
                  <c:v>-2079176.9388172</c:v>
                </c:pt>
                <c:pt idx="343">
                  <c:v>-2072582.65308033</c:v>
                </c:pt>
                <c:pt idx="344">
                  <c:v>-2067982.8320730799</c:v>
                </c:pt>
                <c:pt idx="345">
                  <c:v>-2061032.14826778</c:v>
                </c:pt>
                <c:pt idx="346">
                  <c:v>-2055778.1994573199</c:v>
                </c:pt>
                <c:pt idx="347">
                  <c:v>-2048328.93782986</c:v>
                </c:pt>
                <c:pt idx="348">
                  <c:v>-2042629.15102323</c:v>
                </c:pt>
                <c:pt idx="349">
                  <c:v>-2037874.7240037001</c:v>
                </c:pt>
                <c:pt idx="350">
                  <c:v>-2033736.4992481</c:v>
                </c:pt>
                <c:pt idx="351">
                  <c:v>-2030103.80279326</c:v>
                </c:pt>
                <c:pt idx="352">
                  <c:v>-2025956.1521471301</c:v>
                </c:pt>
                <c:pt idx="353">
                  <c:v>-2020755.63166817</c:v>
                </c:pt>
                <c:pt idx="354">
                  <c:v>-2015170.56887904</c:v>
                </c:pt>
                <c:pt idx="355">
                  <c:v>-2009879.3993098901</c:v>
                </c:pt>
                <c:pt idx="356">
                  <c:v>-2005164.0204815699</c:v>
                </c:pt>
                <c:pt idx="357">
                  <c:v>-1999698.3800039</c:v>
                </c:pt>
                <c:pt idx="358">
                  <c:v>-1993682.86513137</c:v>
                </c:pt>
                <c:pt idx="359">
                  <c:v>-1988899.2311905499</c:v>
                </c:pt>
                <c:pt idx="360">
                  <c:v>-1982736.2647615799</c:v>
                </c:pt>
                <c:pt idx="361">
                  <c:v>-1976941.4671076499</c:v>
                </c:pt>
                <c:pt idx="362">
                  <c:v>-1972508.8590521701</c:v>
                </c:pt>
                <c:pt idx="363">
                  <c:v>-1964456.27614341</c:v>
                </c:pt>
                <c:pt idx="364">
                  <c:v>-1959401.87967761</c:v>
                </c:pt>
                <c:pt idx="365">
                  <c:v>-1952991.50986803</c:v>
                </c:pt>
                <c:pt idx="366">
                  <c:v>-1947986.4385170999</c:v>
                </c:pt>
                <c:pt idx="367">
                  <c:v>-1943450.1256301</c:v>
                </c:pt>
                <c:pt idx="368">
                  <c:v>-1938427.32919361</c:v>
                </c:pt>
                <c:pt idx="369">
                  <c:v>-1931864.8369151501</c:v>
                </c:pt>
                <c:pt idx="370">
                  <c:v>-1927253.19349139</c:v>
                </c:pt>
                <c:pt idx="371">
                  <c:v>-1922683.3450241699</c:v>
                </c:pt>
                <c:pt idx="372">
                  <c:v>-1914688.08459782</c:v>
                </c:pt>
                <c:pt idx="373">
                  <c:v>-1910590.87479577</c:v>
                </c:pt>
                <c:pt idx="374">
                  <c:v>-1906816.6273642799</c:v>
                </c:pt>
                <c:pt idx="375">
                  <c:v>-1902985.9329337601</c:v>
                </c:pt>
                <c:pt idx="376">
                  <c:v>-1898291.6406771401</c:v>
                </c:pt>
                <c:pt idx="377">
                  <c:v>-1892007.56578591</c:v>
                </c:pt>
                <c:pt idx="378">
                  <c:v>-1887379.7510219</c:v>
                </c:pt>
                <c:pt idx="379">
                  <c:v>-1882570.2658049001</c:v>
                </c:pt>
                <c:pt idx="380">
                  <c:v>-1877196.92814662</c:v>
                </c:pt>
                <c:pt idx="381">
                  <c:v>-1873311.7265911801</c:v>
                </c:pt>
                <c:pt idx="382">
                  <c:v>-1869221.3254968401</c:v>
                </c:pt>
                <c:pt idx="383">
                  <c:v>-1865048.12658883</c:v>
                </c:pt>
                <c:pt idx="384">
                  <c:v>-1859904.3503660499</c:v>
                </c:pt>
                <c:pt idx="385">
                  <c:v>-1854769.6769363801</c:v>
                </c:pt>
                <c:pt idx="386">
                  <c:v>-1851303.65057615</c:v>
                </c:pt>
                <c:pt idx="387">
                  <c:v>-1847009.0085531699</c:v>
                </c:pt>
                <c:pt idx="388">
                  <c:v>-1842417.89524396</c:v>
                </c:pt>
                <c:pt idx="389">
                  <c:v>-1839186.08914194</c:v>
                </c:pt>
                <c:pt idx="390">
                  <c:v>-1836265.9629341599</c:v>
                </c:pt>
                <c:pt idx="391">
                  <c:v>-1832346.1032810099</c:v>
                </c:pt>
                <c:pt idx="392">
                  <c:v>-1828693.1333812401</c:v>
                </c:pt>
                <c:pt idx="393">
                  <c:v>-1823789.0044754399</c:v>
                </c:pt>
                <c:pt idx="394">
                  <c:v>-1820064.8094742999</c:v>
                </c:pt>
                <c:pt idx="395">
                  <c:v>-1815949.0903384101</c:v>
                </c:pt>
                <c:pt idx="396">
                  <c:v>-1812555.10521598</c:v>
                </c:pt>
                <c:pt idx="397">
                  <c:v>-1809423.76174996</c:v>
                </c:pt>
                <c:pt idx="398">
                  <c:v>-1807128.9414098901</c:v>
                </c:pt>
                <c:pt idx="399">
                  <c:v>-1804093.6845684501</c:v>
                </c:pt>
                <c:pt idx="400">
                  <c:v>-1799937.1758262699</c:v>
                </c:pt>
                <c:pt idx="401">
                  <c:v>-1796576.22101555</c:v>
                </c:pt>
                <c:pt idx="402">
                  <c:v>-1792680.5841870899</c:v>
                </c:pt>
                <c:pt idx="403">
                  <c:v>-1787020.8142917501</c:v>
                </c:pt>
                <c:pt idx="404">
                  <c:v>-1782865.07840277</c:v>
                </c:pt>
                <c:pt idx="405">
                  <c:v>-1778940.79362645</c:v>
                </c:pt>
                <c:pt idx="406">
                  <c:v>-1775992.2280576399</c:v>
                </c:pt>
                <c:pt idx="407">
                  <c:v>-1773238.8866483399</c:v>
                </c:pt>
                <c:pt idx="408">
                  <c:v>-1769564.82231079</c:v>
                </c:pt>
                <c:pt idx="409">
                  <c:v>-1765180.47826196</c:v>
                </c:pt>
                <c:pt idx="410">
                  <c:v>-1760931.6776803001</c:v>
                </c:pt>
                <c:pt idx="411">
                  <c:v>-1757658.54518186</c:v>
                </c:pt>
                <c:pt idx="412">
                  <c:v>-1754352.5183738</c:v>
                </c:pt>
                <c:pt idx="413">
                  <c:v>-1751742.7250179499</c:v>
                </c:pt>
                <c:pt idx="414">
                  <c:v>-1746118.26796274</c:v>
                </c:pt>
                <c:pt idx="415">
                  <c:v>-1743057.7754998</c:v>
                </c:pt>
                <c:pt idx="416">
                  <c:v>-1739445.2340162001</c:v>
                </c:pt>
                <c:pt idx="417">
                  <c:v>-1736080.34026896</c:v>
                </c:pt>
                <c:pt idx="418">
                  <c:v>-1732841.0501872201</c:v>
                </c:pt>
                <c:pt idx="419">
                  <c:v>-1729506.0595137801</c:v>
                </c:pt>
                <c:pt idx="420">
                  <c:v>-1726443.48010788</c:v>
                </c:pt>
                <c:pt idx="421">
                  <c:v>-1723936.8713817101</c:v>
                </c:pt>
                <c:pt idx="422">
                  <c:v>-1720875.57949502</c:v>
                </c:pt>
                <c:pt idx="423">
                  <c:v>-1718726.2521387101</c:v>
                </c:pt>
                <c:pt idx="424">
                  <c:v>-1715697.67806826</c:v>
                </c:pt>
                <c:pt idx="425">
                  <c:v>-1713154.12485057</c:v>
                </c:pt>
                <c:pt idx="426">
                  <c:v>-1710568.9618220001</c:v>
                </c:pt>
                <c:pt idx="427">
                  <c:v>-1706035.9737282901</c:v>
                </c:pt>
                <c:pt idx="428">
                  <c:v>-1702900.5139190699</c:v>
                </c:pt>
                <c:pt idx="429">
                  <c:v>-1699923.79719728</c:v>
                </c:pt>
                <c:pt idx="430">
                  <c:v>-1696963.96822759</c:v>
                </c:pt>
                <c:pt idx="431">
                  <c:v>-1693761.30824144</c:v>
                </c:pt>
                <c:pt idx="432">
                  <c:v>-1690981.10484483</c:v>
                </c:pt>
                <c:pt idx="433">
                  <c:v>-1688132.46187479</c:v>
                </c:pt>
                <c:pt idx="434">
                  <c:v>-1685289.3148614201</c:v>
                </c:pt>
                <c:pt idx="435">
                  <c:v>-1681970.1009295301</c:v>
                </c:pt>
                <c:pt idx="436">
                  <c:v>-1679735.2499957299</c:v>
                </c:pt>
                <c:pt idx="437">
                  <c:v>-1677501.46316656</c:v>
                </c:pt>
                <c:pt idx="438">
                  <c:v>-1674624.2388931599</c:v>
                </c:pt>
                <c:pt idx="439">
                  <c:v>-1670481.49076199</c:v>
                </c:pt>
                <c:pt idx="440">
                  <c:v>-1667248.5581685</c:v>
                </c:pt>
                <c:pt idx="441">
                  <c:v>-1664206.6725906199</c:v>
                </c:pt>
                <c:pt idx="442">
                  <c:v>-1660534.81305874</c:v>
                </c:pt>
                <c:pt idx="443">
                  <c:v>-1657089.64254642</c:v>
                </c:pt>
                <c:pt idx="444">
                  <c:v>-1655369.2204153901</c:v>
                </c:pt>
                <c:pt idx="445">
                  <c:v>-1652285.64818062</c:v>
                </c:pt>
                <c:pt idx="446">
                  <c:v>-1650675.04621611</c:v>
                </c:pt>
                <c:pt idx="447">
                  <c:v>-1648504.1605241301</c:v>
                </c:pt>
                <c:pt idx="448">
                  <c:v>-1645799.0294660199</c:v>
                </c:pt>
                <c:pt idx="449">
                  <c:v>-1642788.7447297</c:v>
                </c:pt>
                <c:pt idx="450">
                  <c:v>-1639895.9009201899</c:v>
                </c:pt>
                <c:pt idx="451">
                  <c:v>-1636665.9627243199</c:v>
                </c:pt>
                <c:pt idx="452">
                  <c:v>-1634278.84514172</c:v>
                </c:pt>
                <c:pt idx="453">
                  <c:v>-1632450.9271267999</c:v>
                </c:pt>
                <c:pt idx="454">
                  <c:v>-1630460.82907297</c:v>
                </c:pt>
                <c:pt idx="455">
                  <c:v>-1628818.04912907</c:v>
                </c:pt>
                <c:pt idx="456">
                  <c:v>-1626380.57239033</c:v>
                </c:pt>
                <c:pt idx="457">
                  <c:v>-1621676.2160135</c:v>
                </c:pt>
                <c:pt idx="458">
                  <c:v>-1619599.5569267501</c:v>
                </c:pt>
                <c:pt idx="459">
                  <c:v>-1616693.2434924201</c:v>
                </c:pt>
                <c:pt idx="460">
                  <c:v>-1614167.9542721401</c:v>
                </c:pt>
                <c:pt idx="461">
                  <c:v>-1611509.5645326399</c:v>
                </c:pt>
                <c:pt idx="462">
                  <c:v>-1608527.5617722599</c:v>
                </c:pt>
                <c:pt idx="463">
                  <c:v>-1607197.5077102201</c:v>
                </c:pt>
                <c:pt idx="464">
                  <c:v>-1603527.0261504501</c:v>
                </c:pt>
                <c:pt idx="465">
                  <c:v>-1600458.10947869</c:v>
                </c:pt>
                <c:pt idx="466">
                  <c:v>-1598483.20749285</c:v>
                </c:pt>
                <c:pt idx="467">
                  <c:v>-1596717.5965408301</c:v>
                </c:pt>
                <c:pt idx="468">
                  <c:v>-1594343.4345513601</c:v>
                </c:pt>
                <c:pt idx="469">
                  <c:v>-1591544.88962478</c:v>
                </c:pt>
                <c:pt idx="470">
                  <c:v>-1588100.0284780799</c:v>
                </c:pt>
                <c:pt idx="471">
                  <c:v>-1585257.1488606101</c:v>
                </c:pt>
                <c:pt idx="472">
                  <c:v>-1581344.4501626601</c:v>
                </c:pt>
                <c:pt idx="473">
                  <c:v>-1578696.0085289499</c:v>
                </c:pt>
                <c:pt idx="474">
                  <c:v>-1575967.5315137201</c:v>
                </c:pt>
                <c:pt idx="475">
                  <c:v>-1573859.7629197601</c:v>
                </c:pt>
                <c:pt idx="476">
                  <c:v>-1571176.0237070899</c:v>
                </c:pt>
                <c:pt idx="477">
                  <c:v>-1568909.3277495101</c:v>
                </c:pt>
                <c:pt idx="478">
                  <c:v>-1566806.13131169</c:v>
                </c:pt>
                <c:pt idx="479">
                  <c:v>-1564519.1569848601</c:v>
                </c:pt>
                <c:pt idx="480">
                  <c:v>-1561018.6156073799</c:v>
                </c:pt>
                <c:pt idx="481">
                  <c:v>-1558820.67261336</c:v>
                </c:pt>
                <c:pt idx="482">
                  <c:v>-1556919.5521786499</c:v>
                </c:pt>
                <c:pt idx="483">
                  <c:v>-1554630.1205569</c:v>
                </c:pt>
                <c:pt idx="484">
                  <c:v>-1552862.36028382</c:v>
                </c:pt>
                <c:pt idx="485">
                  <c:v>-1551190.82112938</c:v>
                </c:pt>
                <c:pt idx="486">
                  <c:v>-1548800.0279620099</c:v>
                </c:pt>
                <c:pt idx="487">
                  <c:v>-1545973.5985961601</c:v>
                </c:pt>
                <c:pt idx="488">
                  <c:v>-1543811.32478462</c:v>
                </c:pt>
                <c:pt idx="489">
                  <c:v>-1541640.0933322301</c:v>
                </c:pt>
                <c:pt idx="490">
                  <c:v>-1539470.30123866</c:v>
                </c:pt>
                <c:pt idx="491">
                  <c:v>-1538215.7042551599</c:v>
                </c:pt>
                <c:pt idx="492">
                  <c:v>-1536396.56727378</c:v>
                </c:pt>
                <c:pt idx="493">
                  <c:v>-1534618.74437301</c:v>
                </c:pt>
                <c:pt idx="494">
                  <c:v>-1532109.30584034</c:v>
                </c:pt>
                <c:pt idx="495">
                  <c:v>-1529868.6454368599</c:v>
                </c:pt>
                <c:pt idx="496">
                  <c:v>-1527522.0104244</c:v>
                </c:pt>
                <c:pt idx="497">
                  <c:v>-1525058.1150253101</c:v>
                </c:pt>
                <c:pt idx="498">
                  <c:v>-1522428.1682665399</c:v>
                </c:pt>
                <c:pt idx="499">
                  <c:v>-1520952.4874384899</c:v>
                </c:pt>
                <c:pt idx="500">
                  <c:v>-1519365.1416857301</c:v>
                </c:pt>
                <c:pt idx="501">
                  <c:v>-1516929.42143984</c:v>
                </c:pt>
                <c:pt idx="502">
                  <c:v>-1515365.46538028</c:v>
                </c:pt>
                <c:pt idx="503">
                  <c:v>-1513015.1635759999</c:v>
                </c:pt>
                <c:pt idx="504">
                  <c:v>-1510988.55827149</c:v>
                </c:pt>
                <c:pt idx="505">
                  <c:v>-1509537.41302625</c:v>
                </c:pt>
                <c:pt idx="506">
                  <c:v>-1507405.25376318</c:v>
                </c:pt>
                <c:pt idx="507">
                  <c:v>-1505134.79361394</c:v>
                </c:pt>
                <c:pt idx="508">
                  <c:v>-1502805.8161037101</c:v>
                </c:pt>
                <c:pt idx="509">
                  <c:v>-1501064.1598424199</c:v>
                </c:pt>
                <c:pt idx="510">
                  <c:v>-1499095.5529702799</c:v>
                </c:pt>
                <c:pt idx="511">
                  <c:v>-1497238.11214566</c:v>
                </c:pt>
                <c:pt idx="512">
                  <c:v>-1495584.2724232301</c:v>
                </c:pt>
                <c:pt idx="513">
                  <c:v>-1493550.63536201</c:v>
                </c:pt>
                <c:pt idx="514">
                  <c:v>-1490785.5163270601</c:v>
                </c:pt>
                <c:pt idx="515">
                  <c:v>-1488374.3135653699</c:v>
                </c:pt>
                <c:pt idx="516">
                  <c:v>-1486179.92871384</c:v>
                </c:pt>
                <c:pt idx="517">
                  <c:v>-1484239.9646052099</c:v>
                </c:pt>
                <c:pt idx="518">
                  <c:v>-1482926.4272815699</c:v>
                </c:pt>
                <c:pt idx="519">
                  <c:v>-1479655.1908924</c:v>
                </c:pt>
                <c:pt idx="520">
                  <c:v>-1477921.8270787001</c:v>
                </c:pt>
                <c:pt idx="521">
                  <c:v>-1475559.4116122101</c:v>
                </c:pt>
                <c:pt idx="522">
                  <c:v>-1473261.9612797799</c:v>
                </c:pt>
                <c:pt idx="523">
                  <c:v>-1471459.24163455</c:v>
                </c:pt>
                <c:pt idx="524">
                  <c:v>-1470010.9277834699</c:v>
                </c:pt>
                <c:pt idx="525">
                  <c:v>-1468815.1586959099</c:v>
                </c:pt>
                <c:pt idx="526">
                  <c:v>-1467323.1479557599</c:v>
                </c:pt>
                <c:pt idx="527">
                  <c:v>-1464853.12107427</c:v>
                </c:pt>
                <c:pt idx="528">
                  <c:v>-1463347.4944894901</c:v>
                </c:pt>
                <c:pt idx="529">
                  <c:v>-1461642.3608965799</c:v>
                </c:pt>
                <c:pt idx="530">
                  <c:v>-1460242.08847333</c:v>
                </c:pt>
                <c:pt idx="531">
                  <c:v>-1458727.61749948</c:v>
                </c:pt>
                <c:pt idx="532">
                  <c:v>-1457105.1481985899</c:v>
                </c:pt>
                <c:pt idx="533">
                  <c:v>-1455926.84723183</c:v>
                </c:pt>
                <c:pt idx="534">
                  <c:v>-1454575.2520991301</c:v>
                </c:pt>
                <c:pt idx="535">
                  <c:v>-1453547.59327249</c:v>
                </c:pt>
                <c:pt idx="536">
                  <c:v>-1451981.27927906</c:v>
                </c:pt>
                <c:pt idx="537">
                  <c:v>-1450396.80198335</c:v>
                </c:pt>
                <c:pt idx="538">
                  <c:v>-1449091.8647801699</c:v>
                </c:pt>
                <c:pt idx="539">
                  <c:v>-1447269.9286330701</c:v>
                </c:pt>
                <c:pt idx="540">
                  <c:v>-1446077.1722474301</c:v>
                </c:pt>
                <c:pt idx="541">
                  <c:v>-1444057.5358083299</c:v>
                </c:pt>
                <c:pt idx="542">
                  <c:v>-1442316.90969648</c:v>
                </c:pt>
                <c:pt idx="543">
                  <c:v>-1440535.8975991199</c:v>
                </c:pt>
                <c:pt idx="544">
                  <c:v>-1439192.82071945</c:v>
                </c:pt>
                <c:pt idx="545">
                  <c:v>-1438195.60431036</c:v>
                </c:pt>
                <c:pt idx="546">
                  <c:v>-1436579.6828079401</c:v>
                </c:pt>
                <c:pt idx="547">
                  <c:v>-1435009.5553293701</c:v>
                </c:pt>
                <c:pt idx="548">
                  <c:v>-1433596.81792256</c:v>
                </c:pt>
                <c:pt idx="549">
                  <c:v>-1431965.3852419599</c:v>
                </c:pt>
                <c:pt idx="550">
                  <c:v>-1430735.9242789701</c:v>
                </c:pt>
                <c:pt idx="551">
                  <c:v>-1428760.7610964701</c:v>
                </c:pt>
                <c:pt idx="552">
                  <c:v>-1427365.1760402899</c:v>
                </c:pt>
                <c:pt idx="553">
                  <c:v>-1426218.03166865</c:v>
                </c:pt>
                <c:pt idx="554">
                  <c:v>-1424248.5957584099</c:v>
                </c:pt>
                <c:pt idx="555">
                  <c:v>-1422236.19895186</c:v>
                </c:pt>
                <c:pt idx="556">
                  <c:v>-1420802.8070427999</c:v>
                </c:pt>
                <c:pt idx="557">
                  <c:v>-1419556.3927511601</c:v>
                </c:pt>
                <c:pt idx="558">
                  <c:v>-1418444.7357004699</c:v>
                </c:pt>
                <c:pt idx="559">
                  <c:v>-1417090.38577155</c:v>
                </c:pt>
                <c:pt idx="560">
                  <c:v>-1416098.6072214099</c:v>
                </c:pt>
                <c:pt idx="561">
                  <c:v>-1415328.44261869</c:v>
                </c:pt>
                <c:pt idx="562">
                  <c:v>-1413926.8314592701</c:v>
                </c:pt>
                <c:pt idx="563">
                  <c:v>-1412889.9786363901</c:v>
                </c:pt>
                <c:pt idx="564">
                  <c:v>-1412191.2624949899</c:v>
                </c:pt>
                <c:pt idx="565">
                  <c:v>-1410040.93900015</c:v>
                </c:pt>
                <c:pt idx="566">
                  <c:v>-1409477.28777455</c:v>
                </c:pt>
                <c:pt idx="567">
                  <c:v>-1408098.5166520199</c:v>
                </c:pt>
                <c:pt idx="568">
                  <c:v>-1407247.3032180101</c:v>
                </c:pt>
                <c:pt idx="569">
                  <c:v>-1406360.2053191699</c:v>
                </c:pt>
                <c:pt idx="570">
                  <c:v>-1405357.4793777301</c:v>
                </c:pt>
                <c:pt idx="571">
                  <c:v>-1403413.88747616</c:v>
                </c:pt>
                <c:pt idx="572">
                  <c:v>-1400130.0278087701</c:v>
                </c:pt>
                <c:pt idx="573">
                  <c:v>-1399637.1742680999</c:v>
                </c:pt>
                <c:pt idx="574">
                  <c:v>-1398379.25788149</c:v>
                </c:pt>
                <c:pt idx="575">
                  <c:v>-1396673.8636088001</c:v>
                </c:pt>
                <c:pt idx="576">
                  <c:v>-1395651.0256677801</c:v>
                </c:pt>
                <c:pt idx="577">
                  <c:v>-1394823.4832599401</c:v>
                </c:pt>
                <c:pt idx="578">
                  <c:v>-1393271.8301110701</c:v>
                </c:pt>
                <c:pt idx="579">
                  <c:v>-1392194.79117868</c:v>
                </c:pt>
                <c:pt idx="580">
                  <c:v>-1390015.4452073199</c:v>
                </c:pt>
                <c:pt idx="581">
                  <c:v>-1388574.65195687</c:v>
                </c:pt>
                <c:pt idx="582">
                  <c:v>-1388068.61199522</c:v>
                </c:pt>
                <c:pt idx="583">
                  <c:v>-1387257.1298724499</c:v>
                </c:pt>
                <c:pt idx="584">
                  <c:v>-1383709.36645551</c:v>
                </c:pt>
                <c:pt idx="585">
                  <c:v>-1382748.05615848</c:v>
                </c:pt>
                <c:pt idx="586">
                  <c:v>-1381053.0298512899</c:v>
                </c:pt>
                <c:pt idx="587">
                  <c:v>-1379700.7226122499</c:v>
                </c:pt>
                <c:pt idx="588">
                  <c:v>-1378333.3113879999</c:v>
                </c:pt>
                <c:pt idx="589">
                  <c:v>-1376800.1646924799</c:v>
                </c:pt>
                <c:pt idx="590">
                  <c:v>-1375672.5696055701</c:v>
                </c:pt>
                <c:pt idx="591">
                  <c:v>-1374584.2366044901</c:v>
                </c:pt>
                <c:pt idx="592">
                  <c:v>-1373128.13045513</c:v>
                </c:pt>
                <c:pt idx="593">
                  <c:v>-1371977.9164131</c:v>
                </c:pt>
                <c:pt idx="594">
                  <c:v>-1370207.78860427</c:v>
                </c:pt>
                <c:pt idx="595">
                  <c:v>-1368616.2324292599</c:v>
                </c:pt>
                <c:pt idx="596">
                  <c:v>-1366991.37429244</c:v>
                </c:pt>
                <c:pt idx="597">
                  <c:v>-1365761.05997176</c:v>
                </c:pt>
                <c:pt idx="598">
                  <c:v>-1364544.8901377099</c:v>
                </c:pt>
                <c:pt idx="599">
                  <c:v>-1363091.20031418</c:v>
                </c:pt>
                <c:pt idx="600">
                  <c:v>-1362102.4557050599</c:v>
                </c:pt>
                <c:pt idx="601">
                  <c:v>-1359963.31503422</c:v>
                </c:pt>
                <c:pt idx="602">
                  <c:v>-1358090.5142814701</c:v>
                </c:pt>
                <c:pt idx="603">
                  <c:v>-1355781.8212053501</c:v>
                </c:pt>
                <c:pt idx="604">
                  <c:v>-1354517.49761836</c:v>
                </c:pt>
                <c:pt idx="605">
                  <c:v>-1353692.45383003</c:v>
                </c:pt>
                <c:pt idx="606">
                  <c:v>-1353083.5411982599</c:v>
                </c:pt>
                <c:pt idx="607">
                  <c:v>-1352369.71729232</c:v>
                </c:pt>
                <c:pt idx="608">
                  <c:v>-1351206.9368234801</c:v>
                </c:pt>
                <c:pt idx="609">
                  <c:v>-1350642.3248081601</c:v>
                </c:pt>
                <c:pt idx="610">
                  <c:v>-1349469.09311372</c:v>
                </c:pt>
                <c:pt idx="611">
                  <c:v>-1348550.8030171599</c:v>
                </c:pt>
                <c:pt idx="612">
                  <c:v>-1347909.8374248799</c:v>
                </c:pt>
                <c:pt idx="613">
                  <c:v>-1346427.26120671</c:v>
                </c:pt>
                <c:pt idx="614">
                  <c:v>-1345905.20698855</c:v>
                </c:pt>
                <c:pt idx="615">
                  <c:v>-1345395.08719027</c:v>
                </c:pt>
                <c:pt idx="616">
                  <c:v>-1344706.78686962</c:v>
                </c:pt>
                <c:pt idx="617">
                  <c:v>-1343129.9360992401</c:v>
                </c:pt>
                <c:pt idx="618">
                  <c:v>-1342210.2616292599</c:v>
                </c:pt>
                <c:pt idx="619">
                  <c:v>-1341229.6076058601</c:v>
                </c:pt>
                <c:pt idx="620">
                  <c:v>-1340291.2209474801</c:v>
                </c:pt>
                <c:pt idx="621">
                  <c:v>-1339165.6835514</c:v>
                </c:pt>
                <c:pt idx="622">
                  <c:v>-1338303.44774739</c:v>
                </c:pt>
                <c:pt idx="623">
                  <c:v>-1337723.3873018001</c:v>
                </c:pt>
                <c:pt idx="624">
                  <c:v>-1336615.84830166</c:v>
                </c:pt>
                <c:pt idx="625">
                  <c:v>-1334964.3060600101</c:v>
                </c:pt>
                <c:pt idx="626">
                  <c:v>-1334065.9372701501</c:v>
                </c:pt>
                <c:pt idx="627">
                  <c:v>-1333326.35157265</c:v>
                </c:pt>
                <c:pt idx="628">
                  <c:v>-1332659.8456794701</c:v>
                </c:pt>
                <c:pt idx="629">
                  <c:v>-1331377.44539459</c:v>
                </c:pt>
                <c:pt idx="630">
                  <c:v>-1330078.6025544701</c:v>
                </c:pt>
                <c:pt idx="631">
                  <c:v>-1329451.2997598201</c:v>
                </c:pt>
                <c:pt idx="632">
                  <c:v>-1328610.78131319</c:v>
                </c:pt>
                <c:pt idx="633">
                  <c:v>-1327649.3245749001</c:v>
                </c:pt>
                <c:pt idx="634">
                  <c:v>-1326802.4727757501</c:v>
                </c:pt>
                <c:pt idx="635">
                  <c:v>-1325870.93828052</c:v>
                </c:pt>
                <c:pt idx="636">
                  <c:v>-1324947.9559607301</c:v>
                </c:pt>
                <c:pt idx="637">
                  <c:v>-1323855.0760282699</c:v>
                </c:pt>
                <c:pt idx="638">
                  <c:v>-1323424.52042065</c:v>
                </c:pt>
                <c:pt idx="639">
                  <c:v>-1322187.88224639</c:v>
                </c:pt>
                <c:pt idx="640">
                  <c:v>-1321263.5820788599</c:v>
                </c:pt>
                <c:pt idx="641">
                  <c:v>-1320220.2608372299</c:v>
                </c:pt>
                <c:pt idx="642">
                  <c:v>-1318379.4168956799</c:v>
                </c:pt>
                <c:pt idx="643">
                  <c:v>-1317343.83639036</c:v>
                </c:pt>
                <c:pt idx="644">
                  <c:v>-1316373.9748754101</c:v>
                </c:pt>
                <c:pt idx="645">
                  <c:v>-1315206.6586100999</c:v>
                </c:pt>
                <c:pt idx="646">
                  <c:v>-1314272.4223922701</c:v>
                </c:pt>
                <c:pt idx="647">
                  <c:v>-1312941.14046066</c:v>
                </c:pt>
                <c:pt idx="648">
                  <c:v>-1312338.6733810301</c:v>
                </c:pt>
                <c:pt idx="649">
                  <c:v>-1311330.7043312399</c:v>
                </c:pt>
                <c:pt idx="650">
                  <c:v>-1310907.05521622</c:v>
                </c:pt>
                <c:pt idx="651">
                  <c:v>-1309996.1291729801</c:v>
                </c:pt>
                <c:pt idx="652">
                  <c:v>-1309178.43671411</c:v>
                </c:pt>
                <c:pt idx="653">
                  <c:v>-1308060.9104633201</c:v>
                </c:pt>
                <c:pt idx="654">
                  <c:v>-1307080.58843339</c:v>
                </c:pt>
                <c:pt idx="655">
                  <c:v>-1306284.7650429399</c:v>
                </c:pt>
                <c:pt idx="656">
                  <c:v>-1305779.5786721699</c:v>
                </c:pt>
                <c:pt idx="657">
                  <c:v>-1305119.63100055</c:v>
                </c:pt>
                <c:pt idx="658">
                  <c:v>-1303974.57272133</c:v>
                </c:pt>
                <c:pt idx="659">
                  <c:v>-1303473.6934307599</c:v>
                </c:pt>
                <c:pt idx="660">
                  <c:v>-1302073.88655504</c:v>
                </c:pt>
                <c:pt idx="661">
                  <c:v>-1301409.3833425499</c:v>
                </c:pt>
                <c:pt idx="662">
                  <c:v>-1301093.85877492</c:v>
                </c:pt>
                <c:pt idx="663">
                  <c:v>-1300710.56911771</c:v>
                </c:pt>
                <c:pt idx="664">
                  <c:v>-1300210.8017857899</c:v>
                </c:pt>
                <c:pt idx="665">
                  <c:v>-1299663.94876633</c:v>
                </c:pt>
                <c:pt idx="666">
                  <c:v>-1299150.9630798299</c:v>
                </c:pt>
                <c:pt idx="667">
                  <c:v>-1298646.5320766401</c:v>
                </c:pt>
                <c:pt idx="668">
                  <c:v>-1297013.57216218</c:v>
                </c:pt>
                <c:pt idx="669">
                  <c:v>-1296581.14044262</c:v>
                </c:pt>
                <c:pt idx="670">
                  <c:v>-1295641.6487311299</c:v>
                </c:pt>
                <c:pt idx="671">
                  <c:v>-1294703.7878610401</c:v>
                </c:pt>
                <c:pt idx="672">
                  <c:v>-1294162.21105138</c:v>
                </c:pt>
                <c:pt idx="673">
                  <c:v>-1293362.2250187199</c:v>
                </c:pt>
                <c:pt idx="674">
                  <c:v>-1292492.04356346</c:v>
                </c:pt>
                <c:pt idx="675">
                  <c:v>-1291011.33380166</c:v>
                </c:pt>
                <c:pt idx="676">
                  <c:v>-1290548.3786406999</c:v>
                </c:pt>
                <c:pt idx="677">
                  <c:v>-1289976.00258095</c:v>
                </c:pt>
                <c:pt idx="678">
                  <c:v>-1289535.1743785001</c:v>
                </c:pt>
                <c:pt idx="679">
                  <c:v>-1289283.3228935101</c:v>
                </c:pt>
                <c:pt idx="680">
                  <c:v>-1288423.62082553</c:v>
                </c:pt>
                <c:pt idx="681">
                  <c:v>-1287994.95712743</c:v>
                </c:pt>
                <c:pt idx="682">
                  <c:v>-1287545.204133</c:v>
                </c:pt>
                <c:pt idx="683">
                  <c:v>-1286887.09361313</c:v>
                </c:pt>
                <c:pt idx="684">
                  <c:v>-1286229.49949014</c:v>
                </c:pt>
                <c:pt idx="685">
                  <c:v>-1285657.0447165701</c:v>
                </c:pt>
                <c:pt idx="686">
                  <c:v>-1284946.9738187201</c:v>
                </c:pt>
                <c:pt idx="687">
                  <c:v>-1284620.35801348</c:v>
                </c:pt>
                <c:pt idx="688">
                  <c:v>-1284337.76885027</c:v>
                </c:pt>
                <c:pt idx="689">
                  <c:v>-1283818.8379504301</c:v>
                </c:pt>
                <c:pt idx="690">
                  <c:v>-1283548.19967932</c:v>
                </c:pt>
                <c:pt idx="691">
                  <c:v>-1282864.0307816099</c:v>
                </c:pt>
                <c:pt idx="692">
                  <c:v>-1282137.8270899099</c:v>
                </c:pt>
                <c:pt idx="693">
                  <c:v>-1281888.2213067201</c:v>
                </c:pt>
                <c:pt idx="694">
                  <c:v>-1280880.32796664</c:v>
                </c:pt>
                <c:pt idx="695">
                  <c:v>-1280523.6869409699</c:v>
                </c:pt>
                <c:pt idx="696">
                  <c:v>-1279827.64875381</c:v>
                </c:pt>
                <c:pt idx="697">
                  <c:v>-1279259.14055091</c:v>
                </c:pt>
                <c:pt idx="698">
                  <c:v>-1279100.14045847</c:v>
                </c:pt>
                <c:pt idx="699">
                  <c:v>-1278310.5964800001</c:v>
                </c:pt>
                <c:pt idx="700">
                  <c:v>-1277427.2611908701</c:v>
                </c:pt>
                <c:pt idx="701">
                  <c:v>-1276188.1024819601</c:v>
                </c:pt>
                <c:pt idx="702">
                  <c:v>-1275856.21386276</c:v>
                </c:pt>
                <c:pt idx="703">
                  <c:v>-1275723.87393934</c:v>
                </c:pt>
                <c:pt idx="704">
                  <c:v>-1275333.7623537199</c:v>
                </c:pt>
                <c:pt idx="705">
                  <c:v>-1274770.59888386</c:v>
                </c:pt>
                <c:pt idx="706">
                  <c:v>-1274537.1454213299</c:v>
                </c:pt>
                <c:pt idx="707">
                  <c:v>-1274324.79808728</c:v>
                </c:pt>
                <c:pt idx="708">
                  <c:v>-1274089.75053529</c:v>
                </c:pt>
                <c:pt idx="709">
                  <c:v>-1273526.3488062399</c:v>
                </c:pt>
                <c:pt idx="710">
                  <c:v>-1272934.2591008099</c:v>
                </c:pt>
                <c:pt idx="711">
                  <c:v>-1272245.32410824</c:v>
                </c:pt>
                <c:pt idx="712">
                  <c:v>-1271872.7320654099</c:v>
                </c:pt>
                <c:pt idx="713">
                  <c:v>-1271160.17430294</c:v>
                </c:pt>
                <c:pt idx="714">
                  <c:v>-1270687.93886648</c:v>
                </c:pt>
                <c:pt idx="715">
                  <c:v>-1269689.02173804</c:v>
                </c:pt>
                <c:pt idx="716">
                  <c:v>-1269280.54375898</c:v>
                </c:pt>
                <c:pt idx="717">
                  <c:v>-1268795.03470538</c:v>
                </c:pt>
                <c:pt idx="718">
                  <c:v>-1268606.5908667799</c:v>
                </c:pt>
                <c:pt idx="719">
                  <c:v>-1267946.41273461</c:v>
                </c:pt>
                <c:pt idx="720">
                  <c:v>-1267515.2263241699</c:v>
                </c:pt>
                <c:pt idx="721">
                  <c:v>-1266588.3957036</c:v>
                </c:pt>
                <c:pt idx="722">
                  <c:v>-1265667.5528205701</c:v>
                </c:pt>
                <c:pt idx="723">
                  <c:v>-1265207.39635789</c:v>
                </c:pt>
                <c:pt idx="724">
                  <c:v>-1264814.18545891</c:v>
                </c:pt>
                <c:pt idx="725">
                  <c:v>-1264206.2714820299</c:v>
                </c:pt>
                <c:pt idx="726">
                  <c:v>-1263787.0152927099</c:v>
                </c:pt>
                <c:pt idx="727">
                  <c:v>-1263227.7982083301</c:v>
                </c:pt>
                <c:pt idx="728">
                  <c:v>-1262984.9013219301</c:v>
                </c:pt>
                <c:pt idx="729">
                  <c:v>-1262830.6736606399</c:v>
                </c:pt>
                <c:pt idx="730">
                  <c:v>-1262724.2835975899</c:v>
                </c:pt>
                <c:pt idx="731">
                  <c:v>-1262224.7276564899</c:v>
                </c:pt>
                <c:pt idx="732">
                  <c:v>-1261805.9753538601</c:v>
                </c:pt>
                <c:pt idx="733">
                  <c:v>-1261091.66053038</c:v>
                </c:pt>
                <c:pt idx="734">
                  <c:v>-1260664.49395397</c:v>
                </c:pt>
                <c:pt idx="735">
                  <c:v>-1260472.31972651</c:v>
                </c:pt>
                <c:pt idx="736">
                  <c:v>-1259756.19907274</c:v>
                </c:pt>
                <c:pt idx="737">
                  <c:v>-1259581.68009738</c:v>
                </c:pt>
                <c:pt idx="738">
                  <c:v>-1259121.3497248599</c:v>
                </c:pt>
                <c:pt idx="739">
                  <c:v>-1258318.3688266401</c:v>
                </c:pt>
                <c:pt idx="740">
                  <c:v>-1258212.60198929</c:v>
                </c:pt>
                <c:pt idx="741">
                  <c:v>-1257844.60898372</c:v>
                </c:pt>
                <c:pt idx="742">
                  <c:v>-1257338.2373708801</c:v>
                </c:pt>
                <c:pt idx="743">
                  <c:v>-1257221.78853215</c:v>
                </c:pt>
                <c:pt idx="744">
                  <c:v>-1256886.87143791</c:v>
                </c:pt>
                <c:pt idx="745">
                  <c:v>-1256096.7355664901</c:v>
                </c:pt>
                <c:pt idx="746">
                  <c:v>-1256053.94960684</c:v>
                </c:pt>
                <c:pt idx="747">
                  <c:v>-1256053.94960684</c:v>
                </c:pt>
                <c:pt idx="748">
                  <c:v>-1255206.0749862399</c:v>
                </c:pt>
                <c:pt idx="749">
                  <c:v>-1255061.0259619199</c:v>
                </c:pt>
                <c:pt idx="750">
                  <c:v>-1254979.17173352</c:v>
                </c:pt>
                <c:pt idx="751">
                  <c:v>-1254834.26313209</c:v>
                </c:pt>
                <c:pt idx="752">
                  <c:v>-1254493.2914092699</c:v>
                </c:pt>
                <c:pt idx="753">
                  <c:v>-1254294.4416116599</c:v>
                </c:pt>
                <c:pt idx="754">
                  <c:v>-1253656.8661425901</c:v>
                </c:pt>
                <c:pt idx="755">
                  <c:v>-1253521.1076044899</c:v>
                </c:pt>
                <c:pt idx="756">
                  <c:v>-1252891.5065227</c:v>
                </c:pt>
                <c:pt idx="757">
                  <c:v>-1252474.26959521</c:v>
                </c:pt>
                <c:pt idx="758">
                  <c:v>-1252289.2266903401</c:v>
                </c:pt>
                <c:pt idx="759">
                  <c:v>-1251880.55319804</c:v>
                </c:pt>
                <c:pt idx="760">
                  <c:v>-1251112.59353323</c:v>
                </c:pt>
                <c:pt idx="761">
                  <c:v>-1251032.1492534699</c:v>
                </c:pt>
                <c:pt idx="762">
                  <c:v>-1250548.7007349499</c:v>
                </c:pt>
                <c:pt idx="763">
                  <c:v>-1250294.2018514301</c:v>
                </c:pt>
                <c:pt idx="764">
                  <c:v>-1249678.3653200399</c:v>
                </c:pt>
                <c:pt idx="765">
                  <c:v>-1249664.58262814</c:v>
                </c:pt>
                <c:pt idx="766">
                  <c:v>-1249499.7593093601</c:v>
                </c:pt>
                <c:pt idx="767">
                  <c:v>-1249309.5693526301</c:v>
                </c:pt>
                <c:pt idx="768">
                  <c:v>-1248761.55472744</c:v>
                </c:pt>
                <c:pt idx="769">
                  <c:v>-1248712.70480505</c:v>
                </c:pt>
                <c:pt idx="770">
                  <c:v>-1248452.42783764</c:v>
                </c:pt>
                <c:pt idx="771">
                  <c:v>-1248175.2122356801</c:v>
                </c:pt>
                <c:pt idx="772">
                  <c:v>-1248130.7579314699</c:v>
                </c:pt>
                <c:pt idx="773">
                  <c:v>-1247863.45740678</c:v>
                </c:pt>
                <c:pt idx="774">
                  <c:v>-1247655.96305582</c:v>
                </c:pt>
                <c:pt idx="775">
                  <c:v>-1247514.84435322</c:v>
                </c:pt>
                <c:pt idx="776">
                  <c:v>-1247390.78731772</c:v>
                </c:pt>
                <c:pt idx="777">
                  <c:v>-1247300.66892744</c:v>
                </c:pt>
                <c:pt idx="778">
                  <c:v>-1247100.88133321</c:v>
                </c:pt>
                <c:pt idx="779">
                  <c:v>-1246835.25414231</c:v>
                </c:pt>
                <c:pt idx="780">
                  <c:v>-1246296.19567712</c:v>
                </c:pt>
                <c:pt idx="781">
                  <c:v>-1246037.2601568201</c:v>
                </c:pt>
                <c:pt idx="782">
                  <c:v>-1245762.97489383</c:v>
                </c:pt>
                <c:pt idx="783">
                  <c:v>-1245462.6709606501</c:v>
                </c:pt>
                <c:pt idx="784">
                  <c:v>-1244959.5528108701</c:v>
                </c:pt>
                <c:pt idx="785">
                  <c:v>-1244959.5528108701</c:v>
                </c:pt>
                <c:pt idx="786">
                  <c:v>-1243972.0039236201</c:v>
                </c:pt>
                <c:pt idx="787">
                  <c:v>-1243796.8278794901</c:v>
                </c:pt>
                <c:pt idx="788">
                  <c:v>-1243489.1714810201</c:v>
                </c:pt>
                <c:pt idx="789">
                  <c:v>-1243187.13992838</c:v>
                </c:pt>
                <c:pt idx="790">
                  <c:v>-1242692.8072162699</c:v>
                </c:pt>
                <c:pt idx="791">
                  <c:v>-1242543.8484529899</c:v>
                </c:pt>
                <c:pt idx="792">
                  <c:v>-1242210.5987810099</c:v>
                </c:pt>
                <c:pt idx="793">
                  <c:v>-1242166.81901735</c:v>
                </c:pt>
                <c:pt idx="794">
                  <c:v>-1241836.97495342</c:v>
                </c:pt>
                <c:pt idx="795">
                  <c:v>-1241646.8970889</c:v>
                </c:pt>
                <c:pt idx="796">
                  <c:v>-1241409.9582420699</c:v>
                </c:pt>
                <c:pt idx="797">
                  <c:v>-1238761.58908552</c:v>
                </c:pt>
                <c:pt idx="798">
                  <c:v>-1238699.9353973099</c:v>
                </c:pt>
                <c:pt idx="799">
                  <c:v>-1238583.7076313</c:v>
                </c:pt>
                <c:pt idx="800">
                  <c:v>-1238477.42679244</c:v>
                </c:pt>
                <c:pt idx="801">
                  <c:v>-1238319.12960826</c:v>
                </c:pt>
                <c:pt idx="802">
                  <c:v>-1238258.5744807101</c:v>
                </c:pt>
                <c:pt idx="803">
                  <c:v>-1238174.8022467301</c:v>
                </c:pt>
                <c:pt idx="804">
                  <c:v>-1238165.1731265499</c:v>
                </c:pt>
                <c:pt idx="805">
                  <c:v>-1238070.5385756299</c:v>
                </c:pt>
                <c:pt idx="806">
                  <c:v>-1237900.17343542</c:v>
                </c:pt>
                <c:pt idx="807">
                  <c:v>-1237840.6169904401</c:v>
                </c:pt>
                <c:pt idx="808">
                  <c:v>-1237395.00971269</c:v>
                </c:pt>
                <c:pt idx="809">
                  <c:v>-1236753.59925738</c:v>
                </c:pt>
                <c:pt idx="810">
                  <c:v>-1236658.1424419901</c:v>
                </c:pt>
                <c:pt idx="811">
                  <c:v>-1236435.6194611699</c:v>
                </c:pt>
                <c:pt idx="812">
                  <c:v>-1236350.74864763</c:v>
                </c:pt>
                <c:pt idx="813">
                  <c:v>-1236291.28174476</c:v>
                </c:pt>
                <c:pt idx="814">
                  <c:v>-1236160.71453521</c:v>
                </c:pt>
                <c:pt idx="815">
                  <c:v>-1236001.9548778699</c:v>
                </c:pt>
                <c:pt idx="816">
                  <c:v>-1235991.5966701601</c:v>
                </c:pt>
                <c:pt idx="817">
                  <c:v>-1235696.1733645599</c:v>
                </c:pt>
                <c:pt idx="818">
                  <c:v>-1235290.2445362399</c:v>
                </c:pt>
                <c:pt idx="819">
                  <c:v>-1235087.5535721299</c:v>
                </c:pt>
                <c:pt idx="820">
                  <c:v>-1233958.16490698</c:v>
                </c:pt>
                <c:pt idx="821">
                  <c:v>-1233518.4530503899</c:v>
                </c:pt>
                <c:pt idx="822">
                  <c:v>-1233293.1978212199</c:v>
                </c:pt>
                <c:pt idx="823">
                  <c:v>-1233258.8104978499</c:v>
                </c:pt>
                <c:pt idx="824">
                  <c:v>-1232917.1339106699</c:v>
                </c:pt>
                <c:pt idx="825">
                  <c:v>-1232390.787852</c:v>
                </c:pt>
                <c:pt idx="826">
                  <c:v>-1231941.7692358601</c:v>
                </c:pt>
                <c:pt idx="827">
                  <c:v>-1231745.6805694699</c:v>
                </c:pt>
                <c:pt idx="828">
                  <c:v>-1231537.8805581599</c:v>
                </c:pt>
                <c:pt idx="829">
                  <c:v>-1231337.45563401</c:v>
                </c:pt>
                <c:pt idx="830">
                  <c:v>-1231337.45563401</c:v>
                </c:pt>
                <c:pt idx="831">
                  <c:v>-1230849.7276887901</c:v>
                </c:pt>
                <c:pt idx="832">
                  <c:v>-1230739.80834635</c:v>
                </c:pt>
                <c:pt idx="833">
                  <c:v>-1230571.8924207201</c:v>
                </c:pt>
                <c:pt idx="834">
                  <c:v>-1229837.05965263</c:v>
                </c:pt>
                <c:pt idx="835">
                  <c:v>-1229245.97068518</c:v>
                </c:pt>
                <c:pt idx="836">
                  <c:v>-1229122.3995664599</c:v>
                </c:pt>
                <c:pt idx="837">
                  <c:v>-1228913.4912516901</c:v>
                </c:pt>
                <c:pt idx="838">
                  <c:v>-1228740.9044689999</c:v>
                </c:pt>
                <c:pt idx="839">
                  <c:v>-1228715.02426492</c:v>
                </c:pt>
                <c:pt idx="840">
                  <c:v>-1228544.75420351</c:v>
                </c:pt>
                <c:pt idx="841">
                  <c:v>-1228499.16612161</c:v>
                </c:pt>
                <c:pt idx="842">
                  <c:v>-1228499.16612161</c:v>
                </c:pt>
                <c:pt idx="843">
                  <c:v>-1228499.16612161</c:v>
                </c:pt>
                <c:pt idx="844">
                  <c:v>-1228450.0070880901</c:v>
                </c:pt>
                <c:pt idx="845">
                  <c:v>-1228450.0070880901</c:v>
                </c:pt>
                <c:pt idx="846">
                  <c:v>-1228305.93072273</c:v>
                </c:pt>
                <c:pt idx="847">
                  <c:v>-1228305.1702715</c:v>
                </c:pt>
                <c:pt idx="848">
                  <c:v>-1228288.3705573201</c:v>
                </c:pt>
                <c:pt idx="849">
                  <c:v>-1228137.81497424</c:v>
                </c:pt>
                <c:pt idx="850">
                  <c:v>-1228022.89308018</c:v>
                </c:pt>
                <c:pt idx="851">
                  <c:v>-1227997.1761975801</c:v>
                </c:pt>
                <c:pt idx="852">
                  <c:v>-1227615.76830565</c:v>
                </c:pt>
                <c:pt idx="853">
                  <c:v>-1227608.7310369301</c:v>
                </c:pt>
                <c:pt idx="854">
                  <c:v>-1227331.9971630301</c:v>
                </c:pt>
                <c:pt idx="855">
                  <c:v>-1226865.08173358</c:v>
                </c:pt>
                <c:pt idx="856">
                  <c:v>-1226295.93286827</c:v>
                </c:pt>
                <c:pt idx="857">
                  <c:v>-1226295.93286827</c:v>
                </c:pt>
                <c:pt idx="858">
                  <c:v>-1225970.7773689199</c:v>
                </c:pt>
                <c:pt idx="859">
                  <c:v>-1225970.7773689199</c:v>
                </c:pt>
                <c:pt idx="860">
                  <c:v>-1225919.01379438</c:v>
                </c:pt>
                <c:pt idx="861">
                  <c:v>-1225443.5594696801</c:v>
                </c:pt>
                <c:pt idx="862">
                  <c:v>-1225343.5594696801</c:v>
                </c:pt>
                <c:pt idx="863">
                  <c:v>-1225343.5594696801</c:v>
                </c:pt>
                <c:pt idx="864">
                  <c:v>-1225169.81895499</c:v>
                </c:pt>
                <c:pt idx="865">
                  <c:v>-1225169.81895499</c:v>
                </c:pt>
                <c:pt idx="866">
                  <c:v>-1224858.83747266</c:v>
                </c:pt>
                <c:pt idx="867">
                  <c:v>-1224726.8658119801</c:v>
                </c:pt>
                <c:pt idx="868">
                  <c:v>-1224605.0716236499</c:v>
                </c:pt>
                <c:pt idx="869">
                  <c:v>-1224592.8184133901</c:v>
                </c:pt>
                <c:pt idx="870">
                  <c:v>-1224446.2519257599</c:v>
                </c:pt>
                <c:pt idx="871">
                  <c:v>-1224402.5867473199</c:v>
                </c:pt>
                <c:pt idx="872">
                  <c:v>-1224324.58040274</c:v>
                </c:pt>
                <c:pt idx="873">
                  <c:v>-1224025.70155882</c:v>
                </c:pt>
                <c:pt idx="874">
                  <c:v>-1224016.53646631</c:v>
                </c:pt>
                <c:pt idx="875">
                  <c:v>-1224016.53646631</c:v>
                </c:pt>
                <c:pt idx="876">
                  <c:v>-1223237.7700966301</c:v>
                </c:pt>
                <c:pt idx="877">
                  <c:v>-1223043.9035944201</c:v>
                </c:pt>
                <c:pt idx="878">
                  <c:v>-1222789.8375070801</c:v>
                </c:pt>
                <c:pt idx="879">
                  <c:v>-1222258.0541751201</c:v>
                </c:pt>
                <c:pt idx="880">
                  <c:v>-1222140.6108649699</c:v>
                </c:pt>
                <c:pt idx="881">
                  <c:v>-1222140.6108649699</c:v>
                </c:pt>
                <c:pt idx="882">
                  <c:v>-1221920.03539928</c:v>
                </c:pt>
                <c:pt idx="883">
                  <c:v>-1221915.0931997499</c:v>
                </c:pt>
                <c:pt idx="884">
                  <c:v>-1221489.7612049601</c:v>
                </c:pt>
                <c:pt idx="885">
                  <c:v>-1221489.7612049601</c:v>
                </c:pt>
                <c:pt idx="886">
                  <c:v>-1221489.7612049601</c:v>
                </c:pt>
                <c:pt idx="887">
                  <c:v>-1221193.1860365099</c:v>
                </c:pt>
                <c:pt idx="888">
                  <c:v>-1221193.1860365099</c:v>
                </c:pt>
                <c:pt idx="889">
                  <c:v>-1221129.55390625</c:v>
                </c:pt>
                <c:pt idx="890">
                  <c:v>-1220939.6752581501</c:v>
                </c:pt>
                <c:pt idx="891">
                  <c:v>-1220939.6752581501</c:v>
                </c:pt>
                <c:pt idx="892">
                  <c:v>-1220939.6752581501</c:v>
                </c:pt>
                <c:pt idx="893">
                  <c:v>-1220939.6752581501</c:v>
                </c:pt>
                <c:pt idx="894">
                  <c:v>-1220939.6752581501</c:v>
                </c:pt>
                <c:pt idx="895">
                  <c:v>-1220762.5810799601</c:v>
                </c:pt>
                <c:pt idx="896">
                  <c:v>-1220442.4119720601</c:v>
                </c:pt>
                <c:pt idx="897">
                  <c:v>-1220442.4119720601</c:v>
                </c:pt>
                <c:pt idx="898">
                  <c:v>-1220416.8279170501</c:v>
                </c:pt>
                <c:pt idx="899">
                  <c:v>-1220286.42314885</c:v>
                </c:pt>
                <c:pt idx="900">
                  <c:v>-1220286.42314885</c:v>
                </c:pt>
                <c:pt idx="901">
                  <c:v>-1220001.2175143301</c:v>
                </c:pt>
                <c:pt idx="902">
                  <c:v>-1219941.14524855</c:v>
                </c:pt>
                <c:pt idx="903">
                  <c:v>-1219932.3718695899</c:v>
                </c:pt>
                <c:pt idx="904">
                  <c:v>-1219810.5734206201</c:v>
                </c:pt>
                <c:pt idx="905">
                  <c:v>-1219801.80004166</c:v>
                </c:pt>
                <c:pt idx="906">
                  <c:v>-1219729.648641</c:v>
                </c:pt>
                <c:pt idx="907">
                  <c:v>-1219705.75951256</c:v>
                </c:pt>
                <c:pt idx="908">
                  <c:v>-1219088.4720310899</c:v>
                </c:pt>
                <c:pt idx="909">
                  <c:v>-1219088.4720310899</c:v>
                </c:pt>
                <c:pt idx="910">
                  <c:v>-1219007.7960770801</c:v>
                </c:pt>
                <c:pt idx="911">
                  <c:v>-1218931.3554356799</c:v>
                </c:pt>
                <c:pt idx="912">
                  <c:v>-1218854.7225927501</c:v>
                </c:pt>
                <c:pt idx="913">
                  <c:v>-1218854.7225927501</c:v>
                </c:pt>
                <c:pt idx="914">
                  <c:v>-1218774.3036235101</c:v>
                </c:pt>
                <c:pt idx="915">
                  <c:v>-1218660.30269292</c:v>
                </c:pt>
                <c:pt idx="916">
                  <c:v>-1218660.30269292</c:v>
                </c:pt>
                <c:pt idx="917">
                  <c:v>-1218660.30269292</c:v>
                </c:pt>
                <c:pt idx="918">
                  <c:v>-1218516.6920196</c:v>
                </c:pt>
                <c:pt idx="919">
                  <c:v>-1218222.7517141199</c:v>
                </c:pt>
                <c:pt idx="920">
                  <c:v>-1217775.2492988501</c:v>
                </c:pt>
                <c:pt idx="921">
                  <c:v>-1217673.6770894099</c:v>
                </c:pt>
                <c:pt idx="922">
                  <c:v>-1217611.59959298</c:v>
                </c:pt>
                <c:pt idx="923">
                  <c:v>-1217611.59959298</c:v>
                </c:pt>
                <c:pt idx="924">
                  <c:v>-1217507.02965227</c:v>
                </c:pt>
                <c:pt idx="925">
                  <c:v>-1217507.02965227</c:v>
                </c:pt>
                <c:pt idx="926">
                  <c:v>-1216880.1794932999</c:v>
                </c:pt>
                <c:pt idx="927">
                  <c:v>-1216880.1794932999</c:v>
                </c:pt>
                <c:pt idx="928">
                  <c:v>-1216746.6442320901</c:v>
                </c:pt>
                <c:pt idx="929">
                  <c:v>-1216688.0807673601</c:v>
                </c:pt>
                <c:pt idx="930">
                  <c:v>-1216688.0807673601</c:v>
                </c:pt>
                <c:pt idx="931">
                  <c:v>-1216630.94497213</c:v>
                </c:pt>
                <c:pt idx="932">
                  <c:v>-1216630.94497213</c:v>
                </c:pt>
                <c:pt idx="933">
                  <c:v>-1216471.8004367601</c:v>
                </c:pt>
                <c:pt idx="934">
                  <c:v>-1216469.3702521501</c:v>
                </c:pt>
                <c:pt idx="935">
                  <c:v>-1216469.3702521501</c:v>
                </c:pt>
                <c:pt idx="936">
                  <c:v>-1216469.3702521501</c:v>
                </c:pt>
                <c:pt idx="937">
                  <c:v>-1216399.3631585999</c:v>
                </c:pt>
                <c:pt idx="938">
                  <c:v>-1216353.4646765201</c:v>
                </c:pt>
                <c:pt idx="939">
                  <c:v>-1216295.64695875</c:v>
                </c:pt>
                <c:pt idx="940">
                  <c:v>-1216252.1081554899</c:v>
                </c:pt>
                <c:pt idx="941">
                  <c:v>-1216252.1081554899</c:v>
                </c:pt>
                <c:pt idx="942">
                  <c:v>-1215958.78173546</c:v>
                </c:pt>
                <c:pt idx="943">
                  <c:v>-1215819.49314122</c:v>
                </c:pt>
                <c:pt idx="944">
                  <c:v>-1215615.64427154</c:v>
                </c:pt>
                <c:pt idx="945">
                  <c:v>-1215615.64427154</c:v>
                </c:pt>
                <c:pt idx="946">
                  <c:v>-1215248.9586112399</c:v>
                </c:pt>
                <c:pt idx="947">
                  <c:v>-1215248.9586112399</c:v>
                </c:pt>
                <c:pt idx="948">
                  <c:v>-1215248.9586112399</c:v>
                </c:pt>
                <c:pt idx="949">
                  <c:v>-1215248.9586112399</c:v>
                </c:pt>
                <c:pt idx="950">
                  <c:v>-1215222.57462393</c:v>
                </c:pt>
                <c:pt idx="951">
                  <c:v>-1214895.5122422101</c:v>
                </c:pt>
                <c:pt idx="952">
                  <c:v>-1214895.5122422101</c:v>
                </c:pt>
                <c:pt idx="953">
                  <c:v>-1214645.6983938699</c:v>
                </c:pt>
                <c:pt idx="954">
                  <c:v>-1214613.84392329</c:v>
                </c:pt>
                <c:pt idx="955">
                  <c:v>-1214524.54027143</c:v>
                </c:pt>
                <c:pt idx="956">
                  <c:v>-1214518.1270422901</c:v>
                </c:pt>
                <c:pt idx="957">
                  <c:v>-1214510.7480105499</c:v>
                </c:pt>
                <c:pt idx="958">
                  <c:v>-1214389.4846264401</c:v>
                </c:pt>
                <c:pt idx="959">
                  <c:v>-1214389.4846264401</c:v>
                </c:pt>
                <c:pt idx="960">
                  <c:v>-1214341.1186615301</c:v>
                </c:pt>
                <c:pt idx="961">
                  <c:v>-1214337.0843519899</c:v>
                </c:pt>
                <c:pt idx="962">
                  <c:v>-1214336.82585562</c:v>
                </c:pt>
                <c:pt idx="963">
                  <c:v>-1214336.82585562</c:v>
                </c:pt>
                <c:pt idx="964">
                  <c:v>-1214336.82585562</c:v>
                </c:pt>
                <c:pt idx="965">
                  <c:v>-1214334.9667420499</c:v>
                </c:pt>
                <c:pt idx="966">
                  <c:v>-1214334.9667420499</c:v>
                </c:pt>
                <c:pt idx="967">
                  <c:v>-1214234.6706011801</c:v>
                </c:pt>
                <c:pt idx="968">
                  <c:v>-1214059.2236874199</c:v>
                </c:pt>
                <c:pt idx="969">
                  <c:v>-1214059.2236874199</c:v>
                </c:pt>
                <c:pt idx="970">
                  <c:v>-1213783.0589115601</c:v>
                </c:pt>
                <c:pt idx="971">
                  <c:v>-1213783.0589115601</c:v>
                </c:pt>
                <c:pt idx="972">
                  <c:v>-1213695.1882050801</c:v>
                </c:pt>
                <c:pt idx="973">
                  <c:v>-1213695.1882050801</c:v>
                </c:pt>
                <c:pt idx="974">
                  <c:v>-1213599.3185898401</c:v>
                </c:pt>
                <c:pt idx="975">
                  <c:v>-1213599.3185898401</c:v>
                </c:pt>
                <c:pt idx="976">
                  <c:v>-1213544.7210370901</c:v>
                </c:pt>
                <c:pt idx="977">
                  <c:v>-1213273.19565886</c:v>
                </c:pt>
                <c:pt idx="978">
                  <c:v>-1213228.50002601</c:v>
                </c:pt>
                <c:pt idx="979">
                  <c:v>-1212845.26926317</c:v>
                </c:pt>
                <c:pt idx="980">
                  <c:v>-1212817.8246106301</c:v>
                </c:pt>
                <c:pt idx="981">
                  <c:v>-1212383.8716015001</c:v>
                </c:pt>
                <c:pt idx="982">
                  <c:v>-1212321.9451687599</c:v>
                </c:pt>
                <c:pt idx="983">
                  <c:v>-1212266.2725302901</c:v>
                </c:pt>
                <c:pt idx="984">
                  <c:v>-1212121.35913575</c:v>
                </c:pt>
                <c:pt idx="985">
                  <c:v>-1212121.35913575</c:v>
                </c:pt>
                <c:pt idx="986">
                  <c:v>-1212121.35913575</c:v>
                </c:pt>
                <c:pt idx="987">
                  <c:v>-1212121.35913575</c:v>
                </c:pt>
                <c:pt idx="988">
                  <c:v>-1212074.3896100901</c:v>
                </c:pt>
                <c:pt idx="989">
                  <c:v>-1212074.3896100901</c:v>
                </c:pt>
                <c:pt idx="990">
                  <c:v>-1212053.02745321</c:v>
                </c:pt>
                <c:pt idx="991">
                  <c:v>-1212053.02745321</c:v>
                </c:pt>
                <c:pt idx="992">
                  <c:v>-1212053.02745321</c:v>
                </c:pt>
                <c:pt idx="993">
                  <c:v>-1211989.8325795601</c:v>
                </c:pt>
                <c:pt idx="994">
                  <c:v>-1211930.2761345799</c:v>
                </c:pt>
                <c:pt idx="995">
                  <c:v>-1211790.8312621301</c:v>
                </c:pt>
                <c:pt idx="996">
                  <c:v>-1211709.9995039101</c:v>
                </c:pt>
                <c:pt idx="997">
                  <c:v>-1211650.4430589301</c:v>
                </c:pt>
                <c:pt idx="998">
                  <c:v>-1211650.4430589301</c:v>
                </c:pt>
                <c:pt idx="999">
                  <c:v>-1211438.34019578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8576-4D21-BE64-A0D511963F7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149463151"/>
        <c:axId val="1149468559"/>
      </c:lineChart>
      <c:catAx>
        <c:axId val="1149463151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1149468559"/>
        <c:crosses val="autoZero"/>
        <c:auto val="1"/>
        <c:lblAlgn val="ctr"/>
        <c:lblOffset val="100"/>
        <c:noMultiLvlLbl val="0"/>
      </c:catAx>
      <c:valAx>
        <c:axId val="1149468559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1149463151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genetic_easy_0_selection_to (2)'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'genetic_easy_0_selection_to (2)'!$A$2:$A$101</c:f>
              <c:numCache>
                <c:formatCode>General</c:formatCode>
                <c:ptCount val="100"/>
                <c:pt idx="0">
                  <c:v>-28489.991922777001</c:v>
                </c:pt>
                <c:pt idx="1">
                  <c:v>-22389.819338327801</c:v>
                </c:pt>
                <c:pt idx="2">
                  <c:v>-22692.245258187799</c:v>
                </c:pt>
                <c:pt idx="3">
                  <c:v>-22451.857367445202</c:v>
                </c:pt>
                <c:pt idx="4">
                  <c:v>-22245.722352231202</c:v>
                </c:pt>
                <c:pt idx="5">
                  <c:v>-22027.237326963299</c:v>
                </c:pt>
                <c:pt idx="6">
                  <c:v>-21560.475292541501</c:v>
                </c:pt>
                <c:pt idx="7">
                  <c:v>-21612.286509073201</c:v>
                </c:pt>
                <c:pt idx="8">
                  <c:v>-21521.700086989302</c:v>
                </c:pt>
                <c:pt idx="9">
                  <c:v>-20929.510971240699</c:v>
                </c:pt>
                <c:pt idx="10">
                  <c:v>-20031.657583701101</c:v>
                </c:pt>
                <c:pt idx="11">
                  <c:v>-19221.916472477798</c:v>
                </c:pt>
                <c:pt idx="12">
                  <c:v>-17710.0363181498</c:v>
                </c:pt>
                <c:pt idx="13">
                  <c:v>-18020.130266833799</c:v>
                </c:pt>
                <c:pt idx="14">
                  <c:v>-16036.06262966</c:v>
                </c:pt>
                <c:pt idx="15">
                  <c:v>-15685.9571054806</c:v>
                </c:pt>
                <c:pt idx="16">
                  <c:v>-15274.7153295606</c:v>
                </c:pt>
                <c:pt idx="17">
                  <c:v>-14997.582691047901</c:v>
                </c:pt>
                <c:pt idx="18">
                  <c:v>-14375.570170614201</c:v>
                </c:pt>
                <c:pt idx="19">
                  <c:v>-13567.821030408501</c:v>
                </c:pt>
                <c:pt idx="20">
                  <c:v>-13358.4940999053</c:v>
                </c:pt>
                <c:pt idx="21">
                  <c:v>-12558.1878665431</c:v>
                </c:pt>
                <c:pt idx="22">
                  <c:v>-12558.1878665431</c:v>
                </c:pt>
                <c:pt idx="23">
                  <c:v>-11835.596733333399</c:v>
                </c:pt>
                <c:pt idx="24">
                  <c:v>-11367.7041534539</c:v>
                </c:pt>
                <c:pt idx="25">
                  <c:v>-11367.7041534539</c:v>
                </c:pt>
                <c:pt idx="26">
                  <c:v>-11027.721997004999</c:v>
                </c:pt>
                <c:pt idx="27">
                  <c:v>-10857.419820871701</c:v>
                </c:pt>
                <c:pt idx="28">
                  <c:v>-10194.029824859401</c:v>
                </c:pt>
                <c:pt idx="29">
                  <c:v>-10099.899481214699</c:v>
                </c:pt>
                <c:pt idx="30">
                  <c:v>-9995.1473105733403</c:v>
                </c:pt>
                <c:pt idx="31">
                  <c:v>-9323.8592745871301</c:v>
                </c:pt>
                <c:pt idx="32">
                  <c:v>-9285.9084385612605</c:v>
                </c:pt>
                <c:pt idx="33">
                  <c:v>-9111.5126273761507</c:v>
                </c:pt>
                <c:pt idx="34">
                  <c:v>-8815.8914122190399</c:v>
                </c:pt>
                <c:pt idx="35">
                  <c:v>-8745.9476772117705</c:v>
                </c:pt>
                <c:pt idx="36">
                  <c:v>-8554.1246834485592</c:v>
                </c:pt>
                <c:pt idx="37">
                  <c:v>-8518.0432919352006</c:v>
                </c:pt>
                <c:pt idx="38">
                  <c:v>-8128.9797682283097</c:v>
                </c:pt>
                <c:pt idx="39">
                  <c:v>-8061.99752671222</c:v>
                </c:pt>
                <c:pt idx="40">
                  <c:v>-7780.6750367278501</c:v>
                </c:pt>
                <c:pt idx="41">
                  <c:v>-7754.3468132521703</c:v>
                </c:pt>
                <c:pt idx="42">
                  <c:v>-7472.0215069373098</c:v>
                </c:pt>
                <c:pt idx="43">
                  <c:v>-7442.2252071324001</c:v>
                </c:pt>
                <c:pt idx="44">
                  <c:v>-7250.1622900848497</c:v>
                </c:pt>
                <c:pt idx="45">
                  <c:v>-6990.9248485981198</c:v>
                </c:pt>
                <c:pt idx="46">
                  <c:v>-6821.4238313411797</c:v>
                </c:pt>
                <c:pt idx="47">
                  <c:v>-6543.0590821630203</c:v>
                </c:pt>
                <c:pt idx="48">
                  <c:v>-6432.2722307677896</c:v>
                </c:pt>
                <c:pt idx="49">
                  <c:v>-6280.9038974953201</c:v>
                </c:pt>
                <c:pt idx="50">
                  <c:v>-6167.6144062006097</c:v>
                </c:pt>
                <c:pt idx="51">
                  <c:v>-6167.6144062006097</c:v>
                </c:pt>
                <c:pt idx="52">
                  <c:v>-6167.6144062006097</c:v>
                </c:pt>
                <c:pt idx="53">
                  <c:v>-6053.5902893837501</c:v>
                </c:pt>
                <c:pt idx="54">
                  <c:v>-6006.9336736130599</c:v>
                </c:pt>
                <c:pt idx="55">
                  <c:v>-5932.6285289019997</c:v>
                </c:pt>
                <c:pt idx="56">
                  <c:v>-5885.9719131313104</c:v>
                </c:pt>
                <c:pt idx="57">
                  <c:v>-5772.2531264913796</c:v>
                </c:pt>
                <c:pt idx="58">
                  <c:v>-5772.2531264913796</c:v>
                </c:pt>
                <c:pt idx="59">
                  <c:v>-5722.2257685540699</c:v>
                </c:pt>
                <c:pt idx="60">
                  <c:v>-5722.2257685540699</c:v>
                </c:pt>
                <c:pt idx="61">
                  <c:v>-5685.9618946915298</c:v>
                </c:pt>
                <c:pt idx="62">
                  <c:v>-5591.1218421170997</c:v>
                </c:pt>
                <c:pt idx="63">
                  <c:v>-5591.1218421170997</c:v>
                </c:pt>
                <c:pt idx="64">
                  <c:v>-5554.8579682545596</c:v>
                </c:pt>
                <c:pt idx="65">
                  <c:v>-5552.1416476923596</c:v>
                </c:pt>
                <c:pt idx="66">
                  <c:v>-5462.6072851666904</c:v>
                </c:pt>
                <c:pt idx="67">
                  <c:v>-5462.6072851666904</c:v>
                </c:pt>
                <c:pt idx="68">
                  <c:v>-5462.6072851666904</c:v>
                </c:pt>
                <c:pt idx="69">
                  <c:v>-5355.4834364534299</c:v>
                </c:pt>
                <c:pt idx="70">
                  <c:v>-5106.7437762899899</c:v>
                </c:pt>
                <c:pt idx="71">
                  <c:v>-5106.7437762899899</c:v>
                </c:pt>
                <c:pt idx="72">
                  <c:v>-5103.7335200257503</c:v>
                </c:pt>
                <c:pt idx="73">
                  <c:v>-5103.7335200257503</c:v>
                </c:pt>
                <c:pt idx="74">
                  <c:v>-5053.2205084981197</c:v>
                </c:pt>
                <c:pt idx="75">
                  <c:v>-5045.0428530392901</c:v>
                </c:pt>
                <c:pt idx="76">
                  <c:v>-5042.0325967750396</c:v>
                </c:pt>
                <c:pt idx="77">
                  <c:v>-5016.4715187559896</c:v>
                </c:pt>
                <c:pt idx="78">
                  <c:v>-5016.4715187559896</c:v>
                </c:pt>
                <c:pt idx="79">
                  <c:v>-4777.3966146746698</c:v>
                </c:pt>
                <c:pt idx="80">
                  <c:v>-4753.3197403510303</c:v>
                </c:pt>
                <c:pt idx="81">
                  <c:v>-4741.0568898011597</c:v>
                </c:pt>
                <c:pt idx="82">
                  <c:v>-4732.3653347040899</c:v>
                </c:pt>
                <c:pt idx="83">
                  <c:v>-4719.5239819239196</c:v>
                </c:pt>
                <c:pt idx="84">
                  <c:v>-4693.5834973795099</c:v>
                </c:pt>
                <c:pt idx="85">
                  <c:v>-4693.5834973795099</c:v>
                </c:pt>
                <c:pt idx="86">
                  <c:v>-4672.0505895022698</c:v>
                </c:pt>
                <c:pt idx="87">
                  <c:v>-4672.0505895022698</c:v>
                </c:pt>
                <c:pt idx="88">
                  <c:v>-4672.0505895022698</c:v>
                </c:pt>
                <c:pt idx="89">
                  <c:v>-4672.0505895022698</c:v>
                </c:pt>
                <c:pt idx="90">
                  <c:v>-4672.0505895022698</c:v>
                </c:pt>
                <c:pt idx="91">
                  <c:v>-4672.0505895022698</c:v>
                </c:pt>
                <c:pt idx="92">
                  <c:v>-4672.0505895022698</c:v>
                </c:pt>
                <c:pt idx="93">
                  <c:v>-4672.0505895022698</c:v>
                </c:pt>
                <c:pt idx="94">
                  <c:v>-4672.0505895022698</c:v>
                </c:pt>
                <c:pt idx="95">
                  <c:v>-4672.0505895022698</c:v>
                </c:pt>
                <c:pt idx="96">
                  <c:v>-4672.0505895022698</c:v>
                </c:pt>
                <c:pt idx="97">
                  <c:v>-4672.0505895022698</c:v>
                </c:pt>
                <c:pt idx="98">
                  <c:v>-4672.0505895022698</c:v>
                </c:pt>
                <c:pt idx="99">
                  <c:v>-4672.05058950226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641-4D75-ACB1-F6A97254B6B1}"/>
            </c:ext>
          </c:extLst>
        </c:ser>
        <c:ser>
          <c:idx val="1"/>
          <c:order val="1"/>
          <c:tx>
            <c:strRef>
              <c:f>'genetic_easy_0_selection_to (2)'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'genetic_easy_0_selection_to (2)'!$B$2:$B$101</c:f>
              <c:numCache>
                <c:formatCode>General</c:formatCode>
                <c:ptCount val="100"/>
                <c:pt idx="0">
                  <c:v>-86461.049329650894</c:v>
                </c:pt>
                <c:pt idx="1">
                  <c:v>-78059.963606632897</c:v>
                </c:pt>
                <c:pt idx="2">
                  <c:v>-78586.194344887699</c:v>
                </c:pt>
                <c:pt idx="3">
                  <c:v>-82116.773814631495</c:v>
                </c:pt>
                <c:pt idx="4">
                  <c:v>-74778.547270594601</c:v>
                </c:pt>
                <c:pt idx="5">
                  <c:v>-76278.028777506493</c:v>
                </c:pt>
                <c:pt idx="6">
                  <c:v>-71697.838521152298</c:v>
                </c:pt>
                <c:pt idx="7">
                  <c:v>-80898.773271880695</c:v>
                </c:pt>
                <c:pt idx="8">
                  <c:v>-69677.569808196597</c:v>
                </c:pt>
                <c:pt idx="9">
                  <c:v>-73569.486365063101</c:v>
                </c:pt>
                <c:pt idx="10">
                  <c:v>-69998.178813946797</c:v>
                </c:pt>
                <c:pt idx="11">
                  <c:v>-63862.739457890399</c:v>
                </c:pt>
                <c:pt idx="12">
                  <c:v>-68718.973236198799</c:v>
                </c:pt>
                <c:pt idx="13">
                  <c:v>-75172.013100309705</c:v>
                </c:pt>
                <c:pt idx="14">
                  <c:v>-66340.086522452402</c:v>
                </c:pt>
                <c:pt idx="15">
                  <c:v>-57319.118004650103</c:v>
                </c:pt>
                <c:pt idx="16">
                  <c:v>-54030.075689146797</c:v>
                </c:pt>
                <c:pt idx="17">
                  <c:v>-55859.234850007502</c:v>
                </c:pt>
                <c:pt idx="18">
                  <c:v>-55535.747628065699</c:v>
                </c:pt>
                <c:pt idx="19">
                  <c:v>-54106.670213626501</c:v>
                </c:pt>
                <c:pt idx="20">
                  <c:v>-52151.2997611479</c:v>
                </c:pt>
                <c:pt idx="21">
                  <c:v>-51294.771225376797</c:v>
                </c:pt>
                <c:pt idx="22">
                  <c:v>-49687.546968061302</c:v>
                </c:pt>
                <c:pt idx="23">
                  <c:v>-50568.943616714103</c:v>
                </c:pt>
                <c:pt idx="24">
                  <c:v>-46175.6454185642</c:v>
                </c:pt>
                <c:pt idx="25">
                  <c:v>-49760.836839165102</c:v>
                </c:pt>
                <c:pt idx="26">
                  <c:v>-46586.748636384298</c:v>
                </c:pt>
                <c:pt idx="27">
                  <c:v>-46986.125466842197</c:v>
                </c:pt>
                <c:pt idx="28">
                  <c:v>-52558.655491627702</c:v>
                </c:pt>
                <c:pt idx="29">
                  <c:v>-48737.4979344491</c:v>
                </c:pt>
                <c:pt idx="30">
                  <c:v>-50961.412591828201</c:v>
                </c:pt>
                <c:pt idx="31">
                  <c:v>-50136.493564403499</c:v>
                </c:pt>
                <c:pt idx="32">
                  <c:v>-46064.312550032897</c:v>
                </c:pt>
                <c:pt idx="33">
                  <c:v>-50289.824877495899</c:v>
                </c:pt>
                <c:pt idx="34">
                  <c:v>-44664.128411694102</c:v>
                </c:pt>
                <c:pt idx="35">
                  <c:v>-45339.686245922603</c:v>
                </c:pt>
                <c:pt idx="36">
                  <c:v>-42969.361428546203</c:v>
                </c:pt>
                <c:pt idx="37">
                  <c:v>-46582.599333931801</c:v>
                </c:pt>
                <c:pt idx="38">
                  <c:v>-43429.558850881302</c:v>
                </c:pt>
                <c:pt idx="39">
                  <c:v>-48681.882795574697</c:v>
                </c:pt>
                <c:pt idx="40">
                  <c:v>-50457.368924148701</c:v>
                </c:pt>
                <c:pt idx="41">
                  <c:v>-42720.475364967599</c:v>
                </c:pt>
                <c:pt idx="42">
                  <c:v>-49667.866753984097</c:v>
                </c:pt>
                <c:pt idx="43">
                  <c:v>-57506.457678189101</c:v>
                </c:pt>
                <c:pt idx="44">
                  <c:v>-47247.544706963599</c:v>
                </c:pt>
                <c:pt idx="45">
                  <c:v>-47600.122079622903</c:v>
                </c:pt>
                <c:pt idx="46">
                  <c:v>-38774.814642703299</c:v>
                </c:pt>
                <c:pt idx="47">
                  <c:v>-42654.462760255701</c:v>
                </c:pt>
                <c:pt idx="48">
                  <c:v>-40507.203331326004</c:v>
                </c:pt>
                <c:pt idx="49">
                  <c:v>-45851.200038583404</c:v>
                </c:pt>
                <c:pt idx="50">
                  <c:v>-42749.616528657403</c:v>
                </c:pt>
                <c:pt idx="51">
                  <c:v>-38720.965024751</c:v>
                </c:pt>
                <c:pt idx="52">
                  <c:v>-39106.247681599903</c:v>
                </c:pt>
                <c:pt idx="53">
                  <c:v>-45083.693194359301</c:v>
                </c:pt>
                <c:pt idx="54">
                  <c:v>-41176.043450794503</c:v>
                </c:pt>
                <c:pt idx="55">
                  <c:v>-37054.596429469697</c:v>
                </c:pt>
                <c:pt idx="56">
                  <c:v>-39115.121168216603</c:v>
                </c:pt>
                <c:pt idx="57">
                  <c:v>-39007.264812759</c:v>
                </c:pt>
                <c:pt idx="58">
                  <c:v>-43972.437918026997</c:v>
                </c:pt>
                <c:pt idx="59">
                  <c:v>-35879.672456456101</c:v>
                </c:pt>
                <c:pt idx="60">
                  <c:v>-42540.9082779819</c:v>
                </c:pt>
                <c:pt idx="61">
                  <c:v>-42906.910546354302</c:v>
                </c:pt>
                <c:pt idx="62">
                  <c:v>-42408.444618638903</c:v>
                </c:pt>
                <c:pt idx="63">
                  <c:v>-36677.4358686005</c:v>
                </c:pt>
                <c:pt idx="64">
                  <c:v>-35411.2389236163</c:v>
                </c:pt>
                <c:pt idx="65">
                  <c:v>-33302.102670599001</c:v>
                </c:pt>
                <c:pt idx="66">
                  <c:v>-34229.133271565901</c:v>
                </c:pt>
                <c:pt idx="67">
                  <c:v>-33005.000011343698</c:v>
                </c:pt>
                <c:pt idx="68">
                  <c:v>-40154.377115894502</c:v>
                </c:pt>
                <c:pt idx="69">
                  <c:v>-41322.745425691101</c:v>
                </c:pt>
                <c:pt idx="70">
                  <c:v>-33590.6264303852</c:v>
                </c:pt>
                <c:pt idx="71">
                  <c:v>-36731.399196861203</c:v>
                </c:pt>
                <c:pt idx="72">
                  <c:v>-36529.886047641601</c:v>
                </c:pt>
                <c:pt idx="73">
                  <c:v>-36069.211282156597</c:v>
                </c:pt>
                <c:pt idx="74">
                  <c:v>-35733.359698427797</c:v>
                </c:pt>
                <c:pt idx="75">
                  <c:v>-34829.132953131302</c:v>
                </c:pt>
                <c:pt idx="76">
                  <c:v>-35153.1425392745</c:v>
                </c:pt>
                <c:pt idx="77">
                  <c:v>-36449.818466279503</c:v>
                </c:pt>
                <c:pt idx="78">
                  <c:v>-38145.572029827999</c:v>
                </c:pt>
                <c:pt idx="79">
                  <c:v>-27879.957011899602</c:v>
                </c:pt>
                <c:pt idx="80">
                  <c:v>-30383.584470147402</c:v>
                </c:pt>
                <c:pt idx="81">
                  <c:v>-32183.711394776001</c:v>
                </c:pt>
                <c:pt idx="82">
                  <c:v>-36990.273384746499</c:v>
                </c:pt>
                <c:pt idx="83">
                  <c:v>-30954.736914190999</c:v>
                </c:pt>
                <c:pt idx="84">
                  <c:v>-28341.1468518693</c:v>
                </c:pt>
                <c:pt idx="85">
                  <c:v>-28234.199540308098</c:v>
                </c:pt>
                <c:pt idx="86">
                  <c:v>-27387.1092418111</c:v>
                </c:pt>
                <c:pt idx="87">
                  <c:v>-34245.589288610397</c:v>
                </c:pt>
                <c:pt idx="88">
                  <c:v>-29991.994062625199</c:v>
                </c:pt>
                <c:pt idx="89">
                  <c:v>-28278.880226523699</c:v>
                </c:pt>
                <c:pt idx="90">
                  <c:v>-30103.102144427601</c:v>
                </c:pt>
                <c:pt idx="91">
                  <c:v>-26836.417839202499</c:v>
                </c:pt>
                <c:pt idx="92">
                  <c:v>-28341.254108493798</c:v>
                </c:pt>
                <c:pt idx="93">
                  <c:v>-30374.144974662198</c:v>
                </c:pt>
                <c:pt idx="94">
                  <c:v>-25963.518332348998</c:v>
                </c:pt>
                <c:pt idx="95">
                  <c:v>-24113.6715512837</c:v>
                </c:pt>
                <c:pt idx="96">
                  <c:v>-26541.6679684868</c:v>
                </c:pt>
                <c:pt idx="97">
                  <c:v>-28357.117528964602</c:v>
                </c:pt>
                <c:pt idx="98">
                  <c:v>-26601.105761754101</c:v>
                </c:pt>
                <c:pt idx="99">
                  <c:v>-31289.35236051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641-4D75-ACB1-F6A97254B6B1}"/>
            </c:ext>
          </c:extLst>
        </c:ser>
        <c:ser>
          <c:idx val="2"/>
          <c:order val="2"/>
          <c:tx>
            <c:strRef>
              <c:f>'genetic_easy_0_selection_to (2)'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'genetic_easy_0_selection_to (2)'!$C$2:$C$101</c:f>
              <c:numCache>
                <c:formatCode>General</c:formatCode>
                <c:ptCount val="100"/>
                <c:pt idx="0">
                  <c:v>-31226.717097293698</c:v>
                </c:pt>
                <c:pt idx="1">
                  <c:v>-24094.726204955601</c:v>
                </c:pt>
                <c:pt idx="2">
                  <c:v>-24202.9380425772</c:v>
                </c:pt>
                <c:pt idx="3">
                  <c:v>-23785.127848238</c:v>
                </c:pt>
                <c:pt idx="4">
                  <c:v>-23217.2783974827</c:v>
                </c:pt>
                <c:pt idx="5">
                  <c:v>-22903.959732310501</c:v>
                </c:pt>
                <c:pt idx="6">
                  <c:v>-22706.027953044199</c:v>
                </c:pt>
                <c:pt idx="7">
                  <c:v>-22328.348132946201</c:v>
                </c:pt>
                <c:pt idx="8">
                  <c:v>-22179.528550109899</c:v>
                </c:pt>
                <c:pt idx="9">
                  <c:v>-21908.958057260701</c:v>
                </c:pt>
                <c:pt idx="10">
                  <c:v>-21522.548143083099</c:v>
                </c:pt>
                <c:pt idx="11">
                  <c:v>-20832.9579264563</c:v>
                </c:pt>
                <c:pt idx="12">
                  <c:v>-20429.528126247202</c:v>
                </c:pt>
                <c:pt idx="13">
                  <c:v>-20003.378584226601</c:v>
                </c:pt>
                <c:pt idx="14">
                  <c:v>-19637.678442206699</c:v>
                </c:pt>
                <c:pt idx="15">
                  <c:v>-19194.487748391399</c:v>
                </c:pt>
                <c:pt idx="16">
                  <c:v>-18861.675077717198</c:v>
                </c:pt>
                <c:pt idx="17">
                  <c:v>-18326.927310233801</c:v>
                </c:pt>
                <c:pt idx="18">
                  <c:v>-18350.922049536701</c:v>
                </c:pt>
                <c:pt idx="19">
                  <c:v>-17885.161447886701</c:v>
                </c:pt>
                <c:pt idx="20">
                  <c:v>-17319.521606318202</c:v>
                </c:pt>
                <c:pt idx="21">
                  <c:v>-17021.864792125099</c:v>
                </c:pt>
                <c:pt idx="22">
                  <c:v>-16788.0576437173</c:v>
                </c:pt>
                <c:pt idx="23">
                  <c:v>-16635.7860812074</c:v>
                </c:pt>
                <c:pt idx="24">
                  <c:v>-16182.265577818</c:v>
                </c:pt>
                <c:pt idx="25">
                  <c:v>-15856.2731003767</c:v>
                </c:pt>
                <c:pt idx="26">
                  <c:v>-15466.222132745799</c:v>
                </c:pt>
                <c:pt idx="27">
                  <c:v>-15306.186333859399</c:v>
                </c:pt>
                <c:pt idx="28">
                  <c:v>-14993.2452997365</c:v>
                </c:pt>
                <c:pt idx="29">
                  <c:v>-14666.479035664899</c:v>
                </c:pt>
                <c:pt idx="30">
                  <c:v>-14469.0917052858</c:v>
                </c:pt>
                <c:pt idx="31">
                  <c:v>-14233.0684665483</c:v>
                </c:pt>
                <c:pt idx="32">
                  <c:v>-14050.471708389299</c:v>
                </c:pt>
                <c:pt idx="33">
                  <c:v>-13709.361009091899</c:v>
                </c:pt>
                <c:pt idx="34">
                  <c:v>-13514.3141131665</c:v>
                </c:pt>
                <c:pt idx="35">
                  <c:v>-13307.732409533201</c:v>
                </c:pt>
                <c:pt idx="36">
                  <c:v>-13102.364411489199</c:v>
                </c:pt>
                <c:pt idx="37">
                  <c:v>-12869.0089870545</c:v>
                </c:pt>
                <c:pt idx="38">
                  <c:v>-12800.328369184001</c:v>
                </c:pt>
                <c:pt idx="39">
                  <c:v>-12628.586599382001</c:v>
                </c:pt>
                <c:pt idx="40">
                  <c:v>-12386.6617303243</c:v>
                </c:pt>
                <c:pt idx="41">
                  <c:v>-12169.6540392435</c:v>
                </c:pt>
                <c:pt idx="42">
                  <c:v>-12054.4018462776</c:v>
                </c:pt>
                <c:pt idx="43">
                  <c:v>-11829.0008645622</c:v>
                </c:pt>
                <c:pt idx="44">
                  <c:v>-11665.846549555201</c:v>
                </c:pt>
                <c:pt idx="45">
                  <c:v>-11457.904156410101</c:v>
                </c:pt>
                <c:pt idx="46">
                  <c:v>-11330.4454266092</c:v>
                </c:pt>
                <c:pt idx="47">
                  <c:v>-11177.375067938399</c:v>
                </c:pt>
                <c:pt idx="48">
                  <c:v>-10815.5076959383</c:v>
                </c:pt>
                <c:pt idx="49">
                  <c:v>-10685.175725777901</c:v>
                </c:pt>
                <c:pt idx="50">
                  <c:v>-10510.184503005399</c:v>
                </c:pt>
                <c:pt idx="51">
                  <c:v>-10324.781097736201</c:v>
                </c:pt>
                <c:pt idx="52">
                  <c:v>-10249.9197321627</c:v>
                </c:pt>
                <c:pt idx="53">
                  <c:v>-10039.691767403199</c:v>
                </c:pt>
                <c:pt idx="54">
                  <c:v>-9824.2476704560195</c:v>
                </c:pt>
                <c:pt idx="55">
                  <c:v>-9745.1785942138195</c:v>
                </c:pt>
                <c:pt idx="56">
                  <c:v>-9628.5753396012096</c:v>
                </c:pt>
                <c:pt idx="57">
                  <c:v>-9511.9047034847899</c:v>
                </c:pt>
                <c:pt idx="58">
                  <c:v>-9326.0344857206092</c:v>
                </c:pt>
                <c:pt idx="59">
                  <c:v>-9300.8830865887703</c:v>
                </c:pt>
                <c:pt idx="60">
                  <c:v>-9160.6851370459808</c:v>
                </c:pt>
                <c:pt idx="61">
                  <c:v>-9076.7467731484394</c:v>
                </c:pt>
                <c:pt idx="62">
                  <c:v>-8990.1935607438209</c:v>
                </c:pt>
                <c:pt idx="63">
                  <c:v>-8857.4310199314405</c:v>
                </c:pt>
                <c:pt idx="64">
                  <c:v>-8785.0327508786904</c:v>
                </c:pt>
                <c:pt idx="65">
                  <c:v>-8516.0196370427602</c:v>
                </c:pt>
                <c:pt idx="66">
                  <c:v>-8452.1931277131698</c:v>
                </c:pt>
                <c:pt idx="67">
                  <c:v>-8330.5777911854893</c:v>
                </c:pt>
                <c:pt idx="68">
                  <c:v>-8278.0699576987008</c:v>
                </c:pt>
                <c:pt idx="69">
                  <c:v>-8145.52572985796</c:v>
                </c:pt>
                <c:pt idx="70">
                  <c:v>-8075.8589113374001</c:v>
                </c:pt>
                <c:pt idx="71">
                  <c:v>-8028.8721808191804</c:v>
                </c:pt>
                <c:pt idx="72">
                  <c:v>-8003.23098228254</c:v>
                </c:pt>
                <c:pt idx="73">
                  <c:v>-7870.5289523934498</c:v>
                </c:pt>
                <c:pt idx="74">
                  <c:v>-7749.5633019353299</c:v>
                </c:pt>
                <c:pt idx="75">
                  <c:v>-7588.7572636608802</c:v>
                </c:pt>
                <c:pt idx="76">
                  <c:v>-7570.1998820359004</c:v>
                </c:pt>
                <c:pt idx="77">
                  <c:v>-7408.02964944221</c:v>
                </c:pt>
                <c:pt idx="78">
                  <c:v>-7320.1429025278803</c:v>
                </c:pt>
                <c:pt idx="79">
                  <c:v>-7182.0664683065997</c:v>
                </c:pt>
                <c:pt idx="80">
                  <c:v>-7076.62699563776</c:v>
                </c:pt>
                <c:pt idx="81">
                  <c:v>-6992.0622269079604</c:v>
                </c:pt>
                <c:pt idx="82">
                  <c:v>-6874.8488626550097</c:v>
                </c:pt>
                <c:pt idx="83">
                  <c:v>-6771.8493699738501</c:v>
                </c:pt>
                <c:pt idx="84">
                  <c:v>-6713.6628096792601</c:v>
                </c:pt>
                <c:pt idx="85">
                  <c:v>-6639.1592374078</c:v>
                </c:pt>
                <c:pt idx="86">
                  <c:v>-6582.6531730326296</c:v>
                </c:pt>
                <c:pt idx="87">
                  <c:v>-6403.9421827650403</c:v>
                </c:pt>
                <c:pt idx="88">
                  <c:v>-6353.6699662555302</c:v>
                </c:pt>
                <c:pt idx="89">
                  <c:v>-6289.0776345228096</c:v>
                </c:pt>
                <c:pt idx="90">
                  <c:v>-6214.4562536938101</c:v>
                </c:pt>
                <c:pt idx="91">
                  <c:v>-6136.7605380412197</c:v>
                </c:pt>
                <c:pt idx="92">
                  <c:v>-6064.1022847178201</c:v>
                </c:pt>
                <c:pt idx="93">
                  <c:v>-5980.0601452280998</c:v>
                </c:pt>
                <c:pt idx="94">
                  <c:v>-5897.1834845728799</c:v>
                </c:pt>
                <c:pt idx="95">
                  <c:v>-5859.5719283307499</c:v>
                </c:pt>
                <c:pt idx="96">
                  <c:v>-5842.6369314557296</c:v>
                </c:pt>
                <c:pt idx="97">
                  <c:v>-5816.1489958767297</c:v>
                </c:pt>
                <c:pt idx="98">
                  <c:v>-5755.0281590391996</c:v>
                </c:pt>
                <c:pt idx="99">
                  <c:v>-5723.51766810645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5641-4D75-ACB1-F6A97254B6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344587807"/>
        <c:axId val="1344588223"/>
      </c:lineChart>
      <c:catAx>
        <c:axId val="1344587807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1344588223"/>
        <c:crosses val="autoZero"/>
        <c:auto val="1"/>
        <c:lblAlgn val="ctr"/>
        <c:lblOffset val="100"/>
        <c:noMultiLvlLbl val="0"/>
      </c:catAx>
      <c:valAx>
        <c:axId val="1344588223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1344587807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easy_0_selection_roulet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easy_0_selection_roulet!$A$2:$A$101</c:f>
              <c:numCache>
                <c:formatCode>General</c:formatCode>
                <c:ptCount val="100"/>
                <c:pt idx="0">
                  <c:v>-30266.7798497802</c:v>
                </c:pt>
                <c:pt idx="1">
                  <c:v>-23365.436485833201</c:v>
                </c:pt>
                <c:pt idx="2">
                  <c:v>-23850.311861350299</c:v>
                </c:pt>
                <c:pt idx="3">
                  <c:v>-23866.403754586099</c:v>
                </c:pt>
                <c:pt idx="4">
                  <c:v>-23590.5849007984</c:v>
                </c:pt>
                <c:pt idx="5">
                  <c:v>-23858.758893355101</c:v>
                </c:pt>
                <c:pt idx="6">
                  <c:v>-23110.2553850597</c:v>
                </c:pt>
                <c:pt idx="7">
                  <c:v>-22698.124898608799</c:v>
                </c:pt>
                <c:pt idx="8">
                  <c:v>-23000.982134900602</c:v>
                </c:pt>
                <c:pt idx="9">
                  <c:v>-22913.823072472002</c:v>
                </c:pt>
                <c:pt idx="10">
                  <c:v>-23079.467400343401</c:v>
                </c:pt>
                <c:pt idx="11">
                  <c:v>-21797.571466742898</c:v>
                </c:pt>
                <c:pt idx="12">
                  <c:v>-22080.940900777801</c:v>
                </c:pt>
                <c:pt idx="13">
                  <c:v>-21801.436778040999</c:v>
                </c:pt>
                <c:pt idx="14">
                  <c:v>-21539.3990453759</c:v>
                </c:pt>
                <c:pt idx="15">
                  <c:v>-21290.075909109499</c:v>
                </c:pt>
                <c:pt idx="16">
                  <c:v>-20783.9199362367</c:v>
                </c:pt>
                <c:pt idx="17">
                  <c:v>-20994.037588333598</c:v>
                </c:pt>
                <c:pt idx="18">
                  <c:v>-21381.962783800001</c:v>
                </c:pt>
                <c:pt idx="19">
                  <c:v>-21722.999493531599</c:v>
                </c:pt>
                <c:pt idx="20">
                  <c:v>-20695.7849801913</c:v>
                </c:pt>
                <c:pt idx="21">
                  <c:v>-20924.1399536887</c:v>
                </c:pt>
                <c:pt idx="22">
                  <c:v>-20425.938513728699</c:v>
                </c:pt>
                <c:pt idx="23">
                  <c:v>-20424.013464605101</c:v>
                </c:pt>
                <c:pt idx="24">
                  <c:v>-19844.023997340799</c:v>
                </c:pt>
                <c:pt idx="25">
                  <c:v>-20146.7506753821</c:v>
                </c:pt>
                <c:pt idx="26">
                  <c:v>-20146.7506753821</c:v>
                </c:pt>
                <c:pt idx="27">
                  <c:v>-20547.6182864863</c:v>
                </c:pt>
                <c:pt idx="28">
                  <c:v>-20756.641605573299</c:v>
                </c:pt>
                <c:pt idx="29">
                  <c:v>-20330.188154630701</c:v>
                </c:pt>
                <c:pt idx="30">
                  <c:v>-19991.595386198998</c:v>
                </c:pt>
                <c:pt idx="31">
                  <c:v>-19237.042198603802</c:v>
                </c:pt>
                <c:pt idx="32">
                  <c:v>-19539.909315077399</c:v>
                </c:pt>
                <c:pt idx="33">
                  <c:v>-20064.364263781099</c:v>
                </c:pt>
                <c:pt idx="34">
                  <c:v>-19742.478544757301</c:v>
                </c:pt>
                <c:pt idx="35">
                  <c:v>-20109.730539452201</c:v>
                </c:pt>
                <c:pt idx="36">
                  <c:v>-20099.275590343201</c:v>
                </c:pt>
                <c:pt idx="37">
                  <c:v>-19927.3398284172</c:v>
                </c:pt>
                <c:pt idx="38">
                  <c:v>-19874.649533563501</c:v>
                </c:pt>
                <c:pt idx="39">
                  <c:v>-19820.270627415601</c:v>
                </c:pt>
                <c:pt idx="40">
                  <c:v>-18618.3139201058</c:v>
                </c:pt>
                <c:pt idx="41">
                  <c:v>-19673.211208913101</c:v>
                </c:pt>
                <c:pt idx="42">
                  <c:v>-19515.7387502128</c:v>
                </c:pt>
                <c:pt idx="43">
                  <c:v>-19794.830100289098</c:v>
                </c:pt>
                <c:pt idx="44">
                  <c:v>-18635.0855573521</c:v>
                </c:pt>
                <c:pt idx="45">
                  <c:v>-19773.994911248301</c:v>
                </c:pt>
                <c:pt idx="46">
                  <c:v>-19773.994911248301</c:v>
                </c:pt>
                <c:pt idx="47">
                  <c:v>-19767.277020246001</c:v>
                </c:pt>
                <c:pt idx="48">
                  <c:v>-19140.641738899802</c:v>
                </c:pt>
                <c:pt idx="49">
                  <c:v>-19136.003924957498</c:v>
                </c:pt>
                <c:pt idx="50">
                  <c:v>-17526.7796889534</c:v>
                </c:pt>
                <c:pt idx="51">
                  <c:v>-18546.893701347399</c:v>
                </c:pt>
                <c:pt idx="52">
                  <c:v>-18812.1445361152</c:v>
                </c:pt>
                <c:pt idx="53">
                  <c:v>-17331.868727219</c:v>
                </c:pt>
                <c:pt idx="54">
                  <c:v>-18446.375770199</c:v>
                </c:pt>
                <c:pt idx="55">
                  <c:v>-18837.3422634856</c:v>
                </c:pt>
                <c:pt idx="56">
                  <c:v>-19137.999677428499</c:v>
                </c:pt>
                <c:pt idx="57">
                  <c:v>-18520.211654428698</c:v>
                </c:pt>
                <c:pt idx="58">
                  <c:v>-19128.957405236699</c:v>
                </c:pt>
                <c:pt idx="59">
                  <c:v>-17465.601676332499</c:v>
                </c:pt>
                <c:pt idx="60">
                  <c:v>-17201.803298217899</c:v>
                </c:pt>
                <c:pt idx="61">
                  <c:v>-17763.7607981687</c:v>
                </c:pt>
                <c:pt idx="62">
                  <c:v>-18028.1253667614</c:v>
                </c:pt>
                <c:pt idx="63">
                  <c:v>-17616.241881514099</c:v>
                </c:pt>
                <c:pt idx="64">
                  <c:v>-16598.489910795699</c:v>
                </c:pt>
                <c:pt idx="65">
                  <c:v>-18345.271422963</c:v>
                </c:pt>
                <c:pt idx="66">
                  <c:v>-18068.111271084399</c:v>
                </c:pt>
                <c:pt idx="67">
                  <c:v>-16334.516182993</c:v>
                </c:pt>
                <c:pt idx="68">
                  <c:v>-18375.692712967899</c:v>
                </c:pt>
                <c:pt idx="69">
                  <c:v>-17334.135694262</c:v>
                </c:pt>
                <c:pt idx="70">
                  <c:v>-16038.574837247301</c:v>
                </c:pt>
                <c:pt idx="71">
                  <c:v>-17417.260550976302</c:v>
                </c:pt>
                <c:pt idx="72">
                  <c:v>-16590.3224649037</c:v>
                </c:pt>
                <c:pt idx="73">
                  <c:v>-16746.310614127</c:v>
                </c:pt>
                <c:pt idx="74">
                  <c:v>-17005.6107024517</c:v>
                </c:pt>
                <c:pt idx="75">
                  <c:v>-17916.952390197999</c:v>
                </c:pt>
                <c:pt idx="76">
                  <c:v>-17434.683334185302</c:v>
                </c:pt>
                <c:pt idx="77">
                  <c:v>-17757.972257451001</c:v>
                </c:pt>
                <c:pt idx="78">
                  <c:v>-17463.968574154202</c:v>
                </c:pt>
                <c:pt idx="79">
                  <c:v>-17701.418245811699</c:v>
                </c:pt>
                <c:pt idx="80">
                  <c:v>-17620.899913528101</c:v>
                </c:pt>
                <c:pt idx="81">
                  <c:v>-16866.5205411397</c:v>
                </c:pt>
                <c:pt idx="82">
                  <c:v>-16866.5205411397</c:v>
                </c:pt>
                <c:pt idx="83">
                  <c:v>-17317.149012987898</c:v>
                </c:pt>
                <c:pt idx="84">
                  <c:v>-16839.999993658101</c:v>
                </c:pt>
                <c:pt idx="85">
                  <c:v>-16923.8781056472</c:v>
                </c:pt>
                <c:pt idx="86">
                  <c:v>-17112.163295402501</c:v>
                </c:pt>
                <c:pt idx="87">
                  <c:v>-17786.4114559226</c:v>
                </c:pt>
                <c:pt idx="88">
                  <c:v>-17112.823475117599</c:v>
                </c:pt>
                <c:pt idx="89">
                  <c:v>-16837.433306061601</c:v>
                </c:pt>
                <c:pt idx="90">
                  <c:v>-16784.3119595633</c:v>
                </c:pt>
                <c:pt idx="91">
                  <c:v>-17493.0098556066</c:v>
                </c:pt>
                <c:pt idx="92">
                  <c:v>-16255.656381245701</c:v>
                </c:pt>
                <c:pt idx="93">
                  <c:v>-17387.551013173499</c:v>
                </c:pt>
                <c:pt idx="94">
                  <c:v>-17788.2807564799</c:v>
                </c:pt>
                <c:pt idx="95">
                  <c:v>-17006.350622531299</c:v>
                </c:pt>
                <c:pt idx="96">
                  <c:v>-17537.834182573901</c:v>
                </c:pt>
                <c:pt idx="97">
                  <c:v>-17009.2886009674</c:v>
                </c:pt>
                <c:pt idx="98">
                  <c:v>-17392.136109534</c:v>
                </c:pt>
                <c:pt idx="99">
                  <c:v>-16072.113927247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399-4DAF-AEF6-4C5BB322511A}"/>
            </c:ext>
          </c:extLst>
        </c:ser>
        <c:ser>
          <c:idx val="1"/>
          <c:order val="1"/>
          <c:tx>
            <c:strRef>
              <c:f>genetic_easy_0_selection_roulet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easy_0_selection_roulet!$B$2:$B$101</c:f>
              <c:numCache>
                <c:formatCode>General</c:formatCode>
                <c:ptCount val="100"/>
                <c:pt idx="0">
                  <c:v>-87714.446475936405</c:v>
                </c:pt>
                <c:pt idx="1">
                  <c:v>-82087.875851290199</c:v>
                </c:pt>
                <c:pt idx="2">
                  <c:v>-79429.7030624787</c:v>
                </c:pt>
                <c:pt idx="3">
                  <c:v>-81791.691272495402</c:v>
                </c:pt>
                <c:pt idx="4">
                  <c:v>-81684.0869844095</c:v>
                </c:pt>
                <c:pt idx="5">
                  <c:v>-77862.577065025398</c:v>
                </c:pt>
                <c:pt idx="6">
                  <c:v>-77738.947407359607</c:v>
                </c:pt>
                <c:pt idx="7">
                  <c:v>-84313.516151672506</c:v>
                </c:pt>
                <c:pt idx="8">
                  <c:v>-74292.138155109002</c:v>
                </c:pt>
                <c:pt idx="9">
                  <c:v>-79361.5902964587</c:v>
                </c:pt>
                <c:pt idx="10">
                  <c:v>-80883.801406598694</c:v>
                </c:pt>
                <c:pt idx="11">
                  <c:v>-82264.7518899563</c:v>
                </c:pt>
                <c:pt idx="12">
                  <c:v>-81796.685168812401</c:v>
                </c:pt>
                <c:pt idx="13">
                  <c:v>-79339.894919421306</c:v>
                </c:pt>
                <c:pt idx="14">
                  <c:v>-80125.601878963396</c:v>
                </c:pt>
                <c:pt idx="15">
                  <c:v>-69926.723881232305</c:v>
                </c:pt>
                <c:pt idx="16">
                  <c:v>-69676.872327800404</c:v>
                </c:pt>
                <c:pt idx="17">
                  <c:v>-78296.342253930707</c:v>
                </c:pt>
                <c:pt idx="18">
                  <c:v>-72502.059887046606</c:v>
                </c:pt>
                <c:pt idx="19">
                  <c:v>-70509.144630867202</c:v>
                </c:pt>
                <c:pt idx="20">
                  <c:v>-70253.536682511301</c:v>
                </c:pt>
                <c:pt idx="21">
                  <c:v>-70492.415143474398</c:v>
                </c:pt>
                <c:pt idx="22">
                  <c:v>-81416.235787990299</c:v>
                </c:pt>
                <c:pt idx="23">
                  <c:v>-76756.214866161899</c:v>
                </c:pt>
                <c:pt idx="24">
                  <c:v>-70842.145703839007</c:v>
                </c:pt>
                <c:pt idx="25">
                  <c:v>-74432.689137867404</c:v>
                </c:pt>
                <c:pt idx="26">
                  <c:v>-68689.149724803196</c:v>
                </c:pt>
                <c:pt idx="27">
                  <c:v>-71492.165890941207</c:v>
                </c:pt>
                <c:pt idx="28">
                  <c:v>-67940.382563006395</c:v>
                </c:pt>
                <c:pt idx="29">
                  <c:v>-75527.947138262607</c:v>
                </c:pt>
                <c:pt idx="30">
                  <c:v>-68340.444492704701</c:v>
                </c:pt>
                <c:pt idx="31">
                  <c:v>-71947.567740191298</c:v>
                </c:pt>
                <c:pt idx="32">
                  <c:v>-70069.110954795993</c:v>
                </c:pt>
                <c:pt idx="33">
                  <c:v>-73157.561850931597</c:v>
                </c:pt>
                <c:pt idx="34">
                  <c:v>-67677.308339181705</c:v>
                </c:pt>
                <c:pt idx="35">
                  <c:v>-79745.552550849301</c:v>
                </c:pt>
                <c:pt idx="36">
                  <c:v>-71501.848509304298</c:v>
                </c:pt>
                <c:pt idx="37">
                  <c:v>-66278.498766238205</c:v>
                </c:pt>
                <c:pt idx="38">
                  <c:v>-79634.371176502595</c:v>
                </c:pt>
                <c:pt idx="39">
                  <c:v>-71786.516034878994</c:v>
                </c:pt>
                <c:pt idx="40">
                  <c:v>-65323.542457247502</c:v>
                </c:pt>
                <c:pt idx="41">
                  <c:v>-73995.873255151499</c:v>
                </c:pt>
                <c:pt idx="42">
                  <c:v>-68691.866990994095</c:v>
                </c:pt>
                <c:pt idx="43">
                  <c:v>-69533.718363473396</c:v>
                </c:pt>
                <c:pt idx="44">
                  <c:v>-68710.738552888695</c:v>
                </c:pt>
                <c:pt idx="45">
                  <c:v>-68580.994175393294</c:v>
                </c:pt>
                <c:pt idx="46">
                  <c:v>-64445.378539787002</c:v>
                </c:pt>
                <c:pt idx="47">
                  <c:v>-69235.2621094106</c:v>
                </c:pt>
                <c:pt idx="48">
                  <c:v>-68503.458520878397</c:v>
                </c:pt>
                <c:pt idx="49">
                  <c:v>-68357.296068665106</c:v>
                </c:pt>
                <c:pt idx="50">
                  <c:v>-69807.496803911694</c:v>
                </c:pt>
                <c:pt idx="51">
                  <c:v>-69275.3479027086</c:v>
                </c:pt>
                <c:pt idx="52">
                  <c:v>-65233.838455042001</c:v>
                </c:pt>
                <c:pt idx="53">
                  <c:v>-67088.638927499196</c:v>
                </c:pt>
                <c:pt idx="54">
                  <c:v>-64470.469721084701</c:v>
                </c:pt>
                <c:pt idx="55">
                  <c:v>-66005.918556414006</c:v>
                </c:pt>
                <c:pt idx="56">
                  <c:v>-64642.687972313397</c:v>
                </c:pt>
                <c:pt idx="57">
                  <c:v>-71928.835659459</c:v>
                </c:pt>
                <c:pt idx="58">
                  <c:v>-67721.621603160602</c:v>
                </c:pt>
                <c:pt idx="59">
                  <c:v>-65223.708248878102</c:v>
                </c:pt>
                <c:pt idx="60">
                  <c:v>-72958.735737921103</c:v>
                </c:pt>
                <c:pt idx="61">
                  <c:v>-68127.546107811402</c:v>
                </c:pt>
                <c:pt idx="62">
                  <c:v>-70952.451450052497</c:v>
                </c:pt>
                <c:pt idx="63">
                  <c:v>-68465.414326301994</c:v>
                </c:pt>
                <c:pt idx="64">
                  <c:v>-65026.442046076198</c:v>
                </c:pt>
                <c:pt idx="65">
                  <c:v>-71198.165925601395</c:v>
                </c:pt>
                <c:pt idx="66">
                  <c:v>-68073.914390314705</c:v>
                </c:pt>
                <c:pt idx="67">
                  <c:v>-69545.654954590107</c:v>
                </c:pt>
                <c:pt idx="68">
                  <c:v>-64706.407134178597</c:v>
                </c:pt>
                <c:pt idx="69">
                  <c:v>-65473.8726884934</c:v>
                </c:pt>
                <c:pt idx="70">
                  <c:v>-71151.961650237601</c:v>
                </c:pt>
                <c:pt idx="71">
                  <c:v>-67867.630988341698</c:v>
                </c:pt>
                <c:pt idx="72">
                  <c:v>-69376.528785581701</c:v>
                </c:pt>
                <c:pt idx="73">
                  <c:v>-68872.4738765816</c:v>
                </c:pt>
                <c:pt idx="74">
                  <c:v>-62578.162776634003</c:v>
                </c:pt>
                <c:pt idx="75">
                  <c:v>-74996.033998262705</c:v>
                </c:pt>
                <c:pt idx="76">
                  <c:v>-60831.787547538101</c:v>
                </c:pt>
                <c:pt idx="77">
                  <c:v>-63291.996730809202</c:v>
                </c:pt>
                <c:pt idx="78">
                  <c:v>-64103.550757027697</c:v>
                </c:pt>
                <c:pt idx="79">
                  <c:v>-65709.124303452205</c:v>
                </c:pt>
                <c:pt idx="80">
                  <c:v>-74752.884049909306</c:v>
                </c:pt>
                <c:pt idx="81">
                  <c:v>-71273.332730028895</c:v>
                </c:pt>
                <c:pt idx="82">
                  <c:v>-65759.334045232798</c:v>
                </c:pt>
                <c:pt idx="83">
                  <c:v>-67253.130133070998</c:v>
                </c:pt>
                <c:pt idx="84">
                  <c:v>-66059.829296540993</c:v>
                </c:pt>
                <c:pt idx="85">
                  <c:v>-66736.125995331604</c:v>
                </c:pt>
                <c:pt idx="86">
                  <c:v>-66104.685259783902</c:v>
                </c:pt>
                <c:pt idx="87">
                  <c:v>-71071.615128966601</c:v>
                </c:pt>
                <c:pt idx="88">
                  <c:v>-64149.899051530003</c:v>
                </c:pt>
                <c:pt idx="89">
                  <c:v>-69895.270258233402</c:v>
                </c:pt>
                <c:pt idx="90">
                  <c:v>-69555.232712669094</c:v>
                </c:pt>
                <c:pt idx="91">
                  <c:v>-71835.791240966195</c:v>
                </c:pt>
                <c:pt idx="92">
                  <c:v>-65899.021441205696</c:v>
                </c:pt>
                <c:pt idx="93">
                  <c:v>-73508.841464178506</c:v>
                </c:pt>
                <c:pt idx="94">
                  <c:v>-68981.567287073805</c:v>
                </c:pt>
                <c:pt idx="95">
                  <c:v>-62894.979704774101</c:v>
                </c:pt>
                <c:pt idx="96">
                  <c:v>-61716.080416409197</c:v>
                </c:pt>
                <c:pt idx="97">
                  <c:v>-72083.027769568202</c:v>
                </c:pt>
                <c:pt idx="98">
                  <c:v>-64651.464647241199</c:v>
                </c:pt>
                <c:pt idx="99">
                  <c:v>-65929.06854535850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399-4DAF-AEF6-4C5BB322511A}"/>
            </c:ext>
          </c:extLst>
        </c:ser>
        <c:ser>
          <c:idx val="2"/>
          <c:order val="2"/>
          <c:tx>
            <c:strRef>
              <c:f>genetic_easy_0_selection_roulet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easy_0_selection_roulet!$C$2:$C$101</c:f>
              <c:numCache>
                <c:formatCode>General</c:formatCode>
                <c:ptCount val="100"/>
                <c:pt idx="0">
                  <c:v>-31369.459320853501</c:v>
                </c:pt>
                <c:pt idx="1">
                  <c:v>-24779.413986191401</c:v>
                </c:pt>
                <c:pt idx="2">
                  <c:v>-24851.063312453101</c:v>
                </c:pt>
                <c:pt idx="3">
                  <c:v>-24565.602745484</c:v>
                </c:pt>
                <c:pt idx="4">
                  <c:v>-24510.189849718099</c:v>
                </c:pt>
                <c:pt idx="5">
                  <c:v>-24395.105878483399</c:v>
                </c:pt>
                <c:pt idx="6">
                  <c:v>-23946.804491135201</c:v>
                </c:pt>
                <c:pt idx="7">
                  <c:v>-23971.928061667299</c:v>
                </c:pt>
                <c:pt idx="8">
                  <c:v>-23912.935467285999</c:v>
                </c:pt>
                <c:pt idx="9">
                  <c:v>-23553.719965079701</c:v>
                </c:pt>
                <c:pt idx="10">
                  <c:v>-23548.649266192198</c:v>
                </c:pt>
                <c:pt idx="11">
                  <c:v>-23306.628862944101</c:v>
                </c:pt>
                <c:pt idx="12">
                  <c:v>-23064.902903386701</c:v>
                </c:pt>
                <c:pt idx="13">
                  <c:v>-22963.4997161764</c:v>
                </c:pt>
                <c:pt idx="14">
                  <c:v>-22785.982909468999</c:v>
                </c:pt>
                <c:pt idx="15">
                  <c:v>-22547.085866980899</c:v>
                </c:pt>
                <c:pt idx="16">
                  <c:v>-22372.657031382401</c:v>
                </c:pt>
                <c:pt idx="17">
                  <c:v>-22529.131762785601</c:v>
                </c:pt>
                <c:pt idx="18">
                  <c:v>-22520.105410679898</c:v>
                </c:pt>
                <c:pt idx="19">
                  <c:v>-22485.815285028999</c:v>
                </c:pt>
                <c:pt idx="20">
                  <c:v>-22169.699649096699</c:v>
                </c:pt>
                <c:pt idx="21">
                  <c:v>-22019.8958123579</c:v>
                </c:pt>
                <c:pt idx="22">
                  <c:v>-22374.2096000003</c:v>
                </c:pt>
                <c:pt idx="23">
                  <c:v>-21708.731496622899</c:v>
                </c:pt>
                <c:pt idx="24">
                  <c:v>-21679.039932289001</c:v>
                </c:pt>
                <c:pt idx="25">
                  <c:v>-21873.273677262699</c:v>
                </c:pt>
                <c:pt idx="26">
                  <c:v>-21653.502110522801</c:v>
                </c:pt>
                <c:pt idx="27">
                  <c:v>-21652.353338120101</c:v>
                </c:pt>
                <c:pt idx="28">
                  <c:v>-21855.522869393899</c:v>
                </c:pt>
                <c:pt idx="29">
                  <c:v>-21385.500603633001</c:v>
                </c:pt>
                <c:pt idx="30">
                  <c:v>-21424.304631068</c:v>
                </c:pt>
                <c:pt idx="31">
                  <c:v>-21315.586758810001</c:v>
                </c:pt>
                <c:pt idx="32">
                  <c:v>-21078.7455889558</c:v>
                </c:pt>
                <c:pt idx="33">
                  <c:v>-21406.234824724299</c:v>
                </c:pt>
                <c:pt idx="34">
                  <c:v>-21313.856706318998</c:v>
                </c:pt>
                <c:pt idx="35">
                  <c:v>-21137.345844523501</c:v>
                </c:pt>
                <c:pt idx="36">
                  <c:v>-21012.663931062802</c:v>
                </c:pt>
                <c:pt idx="37">
                  <c:v>-21001.6413432142</c:v>
                </c:pt>
                <c:pt idx="38">
                  <c:v>-21328.5779270561</c:v>
                </c:pt>
                <c:pt idx="39">
                  <c:v>-21065.306034388901</c:v>
                </c:pt>
                <c:pt idx="40">
                  <c:v>-20646.424618765901</c:v>
                </c:pt>
                <c:pt idx="41">
                  <c:v>-20917.7558809578</c:v>
                </c:pt>
                <c:pt idx="42">
                  <c:v>-20854.358544835301</c:v>
                </c:pt>
                <c:pt idx="43">
                  <c:v>-21068.851062922698</c:v>
                </c:pt>
                <c:pt idx="44">
                  <c:v>-20710.704488687501</c:v>
                </c:pt>
                <c:pt idx="45">
                  <c:v>-20936.862410142701</c:v>
                </c:pt>
                <c:pt idx="46">
                  <c:v>-20653.196300690699</c:v>
                </c:pt>
                <c:pt idx="47">
                  <c:v>-20800.217111704798</c:v>
                </c:pt>
                <c:pt idx="48">
                  <c:v>-20575.722696548299</c:v>
                </c:pt>
                <c:pt idx="49">
                  <c:v>-20417.775427648601</c:v>
                </c:pt>
                <c:pt idx="50">
                  <c:v>-20333.478108397801</c:v>
                </c:pt>
                <c:pt idx="51">
                  <c:v>-19931.7071802233</c:v>
                </c:pt>
                <c:pt idx="52">
                  <c:v>-20129.927110924302</c:v>
                </c:pt>
                <c:pt idx="53">
                  <c:v>-20131.595835181601</c:v>
                </c:pt>
                <c:pt idx="54">
                  <c:v>-19749.4498938051</c:v>
                </c:pt>
                <c:pt idx="55">
                  <c:v>-20002.695389376</c:v>
                </c:pt>
                <c:pt idx="56">
                  <c:v>-20090.502257862801</c:v>
                </c:pt>
                <c:pt idx="57">
                  <c:v>-20363.6922251408</c:v>
                </c:pt>
                <c:pt idx="58">
                  <c:v>-19893.889278216098</c:v>
                </c:pt>
                <c:pt idx="59">
                  <c:v>-19749.654039778499</c:v>
                </c:pt>
                <c:pt idx="60">
                  <c:v>-19540.002441154</c:v>
                </c:pt>
                <c:pt idx="61">
                  <c:v>-19330.952821361301</c:v>
                </c:pt>
                <c:pt idx="62">
                  <c:v>-19421.797658319399</c:v>
                </c:pt>
                <c:pt idx="63">
                  <c:v>-19074.871390869099</c:v>
                </c:pt>
                <c:pt idx="64">
                  <c:v>-19224.1686201019</c:v>
                </c:pt>
                <c:pt idx="65">
                  <c:v>-19296.6343359046</c:v>
                </c:pt>
                <c:pt idx="66">
                  <c:v>-19353.8429597836</c:v>
                </c:pt>
                <c:pt idx="67">
                  <c:v>-19025.953283637002</c:v>
                </c:pt>
                <c:pt idx="68">
                  <c:v>-19035.622372863701</c:v>
                </c:pt>
                <c:pt idx="69">
                  <c:v>-19018.776261273601</c:v>
                </c:pt>
                <c:pt idx="70">
                  <c:v>-18896.468683160299</c:v>
                </c:pt>
                <c:pt idx="71">
                  <c:v>-19282.107315406</c:v>
                </c:pt>
                <c:pt idx="72">
                  <c:v>-19036.787419488501</c:v>
                </c:pt>
                <c:pt idx="73">
                  <c:v>-18724.058499076698</c:v>
                </c:pt>
                <c:pt idx="74">
                  <c:v>-18600.077314149799</c:v>
                </c:pt>
                <c:pt idx="75">
                  <c:v>-19060.952493901899</c:v>
                </c:pt>
                <c:pt idx="76">
                  <c:v>-19068.851448837799</c:v>
                </c:pt>
                <c:pt idx="77">
                  <c:v>-19318.061134166801</c:v>
                </c:pt>
                <c:pt idx="78">
                  <c:v>-19150.442000377599</c:v>
                </c:pt>
                <c:pt idx="79">
                  <c:v>-18891.3457320579</c:v>
                </c:pt>
                <c:pt idx="80">
                  <c:v>-19287.721295631702</c:v>
                </c:pt>
                <c:pt idx="81">
                  <c:v>-18489.183961424402</c:v>
                </c:pt>
                <c:pt idx="82">
                  <c:v>-18731.511681069798</c:v>
                </c:pt>
                <c:pt idx="83">
                  <c:v>-18919.079433516999</c:v>
                </c:pt>
                <c:pt idx="84">
                  <c:v>-19009.203830736202</c:v>
                </c:pt>
                <c:pt idx="85">
                  <c:v>-18763.827505489699</c:v>
                </c:pt>
                <c:pt idx="86">
                  <c:v>-19047.321523602201</c:v>
                </c:pt>
                <c:pt idx="87">
                  <c:v>-19291.197365764699</c:v>
                </c:pt>
                <c:pt idx="88">
                  <c:v>-19175.2954079761</c:v>
                </c:pt>
                <c:pt idx="89">
                  <c:v>-19156.265957572501</c:v>
                </c:pt>
                <c:pt idx="90">
                  <c:v>-18904.296979453</c:v>
                </c:pt>
                <c:pt idx="91">
                  <c:v>-19181.4384303757</c:v>
                </c:pt>
                <c:pt idx="92">
                  <c:v>-19085.300712168799</c:v>
                </c:pt>
                <c:pt idx="93">
                  <c:v>-18912.521746899201</c:v>
                </c:pt>
                <c:pt idx="94">
                  <c:v>-19175.4608162728</c:v>
                </c:pt>
                <c:pt idx="95">
                  <c:v>-19078.806748943101</c:v>
                </c:pt>
                <c:pt idx="96">
                  <c:v>-19028.599576425098</c:v>
                </c:pt>
                <c:pt idx="97">
                  <c:v>-18977.9055944787</c:v>
                </c:pt>
                <c:pt idx="98">
                  <c:v>-19076.1137653636</c:v>
                </c:pt>
                <c:pt idx="99">
                  <c:v>-19161.2899362118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3399-4DAF-AEF6-4C5BB322511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63393184"/>
        <c:axId val="63395264"/>
      </c:lineChart>
      <c:catAx>
        <c:axId val="63393184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95264"/>
        <c:crosses val="autoZero"/>
        <c:auto val="1"/>
        <c:lblAlgn val="ctr"/>
        <c:lblOffset val="100"/>
        <c:noMultiLvlLbl val="0"/>
      </c:catAx>
      <c:valAx>
        <c:axId val="633952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9318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genetic_easy_0_selection_ro (2)'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'genetic_easy_0_selection_ro (2)'!$A$2:$A$101</c:f>
              <c:numCache>
                <c:formatCode>General</c:formatCode>
                <c:ptCount val="100"/>
                <c:pt idx="0">
                  <c:v>-28386.037342984</c:v>
                </c:pt>
                <c:pt idx="1">
                  <c:v>-23383.566615723201</c:v>
                </c:pt>
                <c:pt idx="2">
                  <c:v>-23825.686779550899</c:v>
                </c:pt>
                <c:pt idx="3">
                  <c:v>-23465.544224804999</c:v>
                </c:pt>
                <c:pt idx="4">
                  <c:v>-23207.333519753302</c:v>
                </c:pt>
                <c:pt idx="5">
                  <c:v>-22669.586379288899</c:v>
                </c:pt>
                <c:pt idx="6">
                  <c:v>-22271.991787509302</c:v>
                </c:pt>
                <c:pt idx="7">
                  <c:v>-21279.065794619499</c:v>
                </c:pt>
                <c:pt idx="8">
                  <c:v>-21845.9171447884</c:v>
                </c:pt>
                <c:pt idx="9">
                  <c:v>-22224.7921227394</c:v>
                </c:pt>
                <c:pt idx="10">
                  <c:v>-21932.373082182199</c:v>
                </c:pt>
                <c:pt idx="11">
                  <c:v>-21540.7491313176</c:v>
                </c:pt>
                <c:pt idx="12">
                  <c:v>-21004.992052227</c:v>
                </c:pt>
                <c:pt idx="13">
                  <c:v>-20697.949814686701</c:v>
                </c:pt>
                <c:pt idx="14">
                  <c:v>-20387.0739310793</c:v>
                </c:pt>
                <c:pt idx="15">
                  <c:v>-20805.744414044901</c:v>
                </c:pt>
                <c:pt idx="16">
                  <c:v>-19703.4232792689</c:v>
                </c:pt>
                <c:pt idx="17">
                  <c:v>-20168.5477155722</c:v>
                </c:pt>
                <c:pt idx="18">
                  <c:v>-18923.1447513946</c:v>
                </c:pt>
                <c:pt idx="19">
                  <c:v>-19357.753244795898</c:v>
                </c:pt>
                <c:pt idx="20">
                  <c:v>-19236.779027689001</c:v>
                </c:pt>
                <c:pt idx="21">
                  <c:v>-18783.1876588587</c:v>
                </c:pt>
                <c:pt idx="22">
                  <c:v>-17213.093774479999</c:v>
                </c:pt>
                <c:pt idx="23">
                  <c:v>-15567.6171894746</c:v>
                </c:pt>
                <c:pt idx="24">
                  <c:v>-18098.098595492102</c:v>
                </c:pt>
                <c:pt idx="25">
                  <c:v>-15567.6171894746</c:v>
                </c:pt>
                <c:pt idx="26">
                  <c:v>-17077.7029745324</c:v>
                </c:pt>
                <c:pt idx="27">
                  <c:v>-17887.583870432802</c:v>
                </c:pt>
                <c:pt idx="28">
                  <c:v>-16459.4830300391</c:v>
                </c:pt>
                <c:pt idx="29">
                  <c:v>-17522.7196725045</c:v>
                </c:pt>
                <c:pt idx="30">
                  <c:v>-17473.413059172901</c:v>
                </c:pt>
                <c:pt idx="31">
                  <c:v>-16257.9032772552</c:v>
                </c:pt>
                <c:pt idx="32">
                  <c:v>-16098.147054966899</c:v>
                </c:pt>
                <c:pt idx="33">
                  <c:v>-17443.735411780999</c:v>
                </c:pt>
                <c:pt idx="34">
                  <c:v>-16830.386411022799</c:v>
                </c:pt>
                <c:pt idx="35">
                  <c:v>-16358.244517553499</c:v>
                </c:pt>
                <c:pt idx="36">
                  <c:v>-16605.378229481699</c:v>
                </c:pt>
                <c:pt idx="37">
                  <c:v>-15929.603926739401</c:v>
                </c:pt>
                <c:pt idx="38">
                  <c:v>-16605.378229481699</c:v>
                </c:pt>
                <c:pt idx="39">
                  <c:v>-15748.858423666001</c:v>
                </c:pt>
                <c:pt idx="40">
                  <c:v>-15676.2331437548</c:v>
                </c:pt>
                <c:pt idx="41">
                  <c:v>-15577.3760288131</c:v>
                </c:pt>
                <c:pt idx="42">
                  <c:v>-16202.4621171502</c:v>
                </c:pt>
                <c:pt idx="43">
                  <c:v>-15805.772586277801</c:v>
                </c:pt>
                <c:pt idx="44">
                  <c:v>-15979.159937603499</c:v>
                </c:pt>
                <c:pt idx="45">
                  <c:v>-16255.342869984201</c:v>
                </c:pt>
                <c:pt idx="46">
                  <c:v>-16184.610287953599</c:v>
                </c:pt>
                <c:pt idx="47">
                  <c:v>-16127.064862406</c:v>
                </c:pt>
                <c:pt idx="48">
                  <c:v>-14931.4864341298</c:v>
                </c:pt>
                <c:pt idx="49">
                  <c:v>-15290.4552447487</c:v>
                </c:pt>
                <c:pt idx="50">
                  <c:v>-16228.4736413999</c:v>
                </c:pt>
                <c:pt idx="51">
                  <c:v>-14908.9026131028</c:v>
                </c:pt>
                <c:pt idx="52">
                  <c:v>-15079.684309328901</c:v>
                </c:pt>
                <c:pt idx="53">
                  <c:v>-14718.2174022084</c:v>
                </c:pt>
                <c:pt idx="54">
                  <c:v>-15245.177858880201</c:v>
                </c:pt>
                <c:pt idx="55">
                  <c:v>-14333.6998528439</c:v>
                </c:pt>
                <c:pt idx="56">
                  <c:v>-14869.3987328658</c:v>
                </c:pt>
                <c:pt idx="57">
                  <c:v>-13603.899941067901</c:v>
                </c:pt>
                <c:pt idx="58">
                  <c:v>-13727.795510403599</c:v>
                </c:pt>
                <c:pt idx="59">
                  <c:v>-12837.087257879</c:v>
                </c:pt>
                <c:pt idx="60">
                  <c:v>-12744.0501042959</c:v>
                </c:pt>
                <c:pt idx="61">
                  <c:v>-13727.795510403599</c:v>
                </c:pt>
                <c:pt idx="62">
                  <c:v>-12877.477546383099</c:v>
                </c:pt>
                <c:pt idx="63">
                  <c:v>-13459.265119118199</c:v>
                </c:pt>
                <c:pt idx="64">
                  <c:v>-13252.1417068272</c:v>
                </c:pt>
                <c:pt idx="65">
                  <c:v>-13462.526340537899</c:v>
                </c:pt>
                <c:pt idx="66">
                  <c:v>-13610.2946424317</c:v>
                </c:pt>
                <c:pt idx="67">
                  <c:v>-11889.8265826468</c:v>
                </c:pt>
                <c:pt idx="68">
                  <c:v>-11975.2624529071</c:v>
                </c:pt>
                <c:pt idx="69">
                  <c:v>-11199.7178779846</c:v>
                </c:pt>
                <c:pt idx="70">
                  <c:v>-13049.2332571442</c:v>
                </c:pt>
                <c:pt idx="71">
                  <c:v>-13902.707596681401</c:v>
                </c:pt>
                <c:pt idx="72">
                  <c:v>-12557.549216451</c:v>
                </c:pt>
                <c:pt idx="73">
                  <c:v>-12615.220081518801</c:v>
                </c:pt>
                <c:pt idx="74">
                  <c:v>-12733.138564745799</c:v>
                </c:pt>
                <c:pt idx="75">
                  <c:v>-12076.823861578199</c:v>
                </c:pt>
                <c:pt idx="76">
                  <c:v>-12353.525011919301</c:v>
                </c:pt>
                <c:pt idx="77">
                  <c:v>-12785.657914085999</c:v>
                </c:pt>
                <c:pt idx="78">
                  <c:v>-12060.3691746408</c:v>
                </c:pt>
                <c:pt idx="79">
                  <c:v>-11749.8543990814</c:v>
                </c:pt>
                <c:pt idx="80">
                  <c:v>-12406.584157826001</c:v>
                </c:pt>
                <c:pt idx="81">
                  <c:v>-12366.2077490914</c:v>
                </c:pt>
                <c:pt idx="82">
                  <c:v>-12590.3668222703</c:v>
                </c:pt>
                <c:pt idx="83">
                  <c:v>-11971.6385456262</c:v>
                </c:pt>
                <c:pt idx="84">
                  <c:v>-12400.9449433151</c:v>
                </c:pt>
                <c:pt idx="85">
                  <c:v>-11978.4912491944</c:v>
                </c:pt>
                <c:pt idx="86">
                  <c:v>-12420.4294786601</c:v>
                </c:pt>
                <c:pt idx="87">
                  <c:v>-11953.1947616001</c:v>
                </c:pt>
                <c:pt idx="88">
                  <c:v>-12327.3484950193</c:v>
                </c:pt>
                <c:pt idx="89">
                  <c:v>-11636.193868263201</c:v>
                </c:pt>
                <c:pt idx="90">
                  <c:v>-12387.1627965388</c:v>
                </c:pt>
                <c:pt idx="91">
                  <c:v>-12418.7601086986</c:v>
                </c:pt>
                <c:pt idx="92">
                  <c:v>-11691.692656920801</c:v>
                </c:pt>
                <c:pt idx="93">
                  <c:v>-11511.1713734035</c:v>
                </c:pt>
                <c:pt idx="94">
                  <c:v>-11636.193868263201</c:v>
                </c:pt>
                <c:pt idx="95">
                  <c:v>-12189.7317994852</c:v>
                </c:pt>
                <c:pt idx="96">
                  <c:v>-11543.286711946301</c:v>
                </c:pt>
                <c:pt idx="97">
                  <c:v>-11369.7393673354</c:v>
                </c:pt>
                <c:pt idx="98">
                  <c:v>-11655.0024131958</c:v>
                </c:pt>
                <c:pt idx="99">
                  <c:v>-11304.5423846977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8519-49C9-BBD1-CE1AD73FC012}"/>
            </c:ext>
          </c:extLst>
        </c:ser>
        <c:ser>
          <c:idx val="1"/>
          <c:order val="1"/>
          <c:tx>
            <c:strRef>
              <c:f>'genetic_easy_0_selection_ro (2)'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'genetic_easy_0_selection_ro (2)'!$B$2:$B$101</c:f>
              <c:numCache>
                <c:formatCode>General</c:formatCode>
                <c:ptCount val="100"/>
                <c:pt idx="0">
                  <c:v>-87368.702285569394</c:v>
                </c:pt>
                <c:pt idx="1">
                  <c:v>-80579.372685462993</c:v>
                </c:pt>
                <c:pt idx="2">
                  <c:v>-81829.726860680399</c:v>
                </c:pt>
                <c:pt idx="3">
                  <c:v>-83989.291925217505</c:v>
                </c:pt>
                <c:pt idx="4">
                  <c:v>-79127.736966095297</c:v>
                </c:pt>
                <c:pt idx="5">
                  <c:v>-78048.913560574394</c:v>
                </c:pt>
                <c:pt idx="6">
                  <c:v>-79787.687095750705</c:v>
                </c:pt>
                <c:pt idx="7">
                  <c:v>-73404.279122370193</c:v>
                </c:pt>
                <c:pt idx="8">
                  <c:v>-81371.257567277004</c:v>
                </c:pt>
                <c:pt idx="9">
                  <c:v>-76117.199627300797</c:v>
                </c:pt>
                <c:pt idx="10">
                  <c:v>-74735.701786313104</c:v>
                </c:pt>
                <c:pt idx="11">
                  <c:v>-73267.676579875493</c:v>
                </c:pt>
                <c:pt idx="12">
                  <c:v>-71909.072841224493</c:v>
                </c:pt>
                <c:pt idx="13">
                  <c:v>-73646.023487588202</c:v>
                </c:pt>
                <c:pt idx="14">
                  <c:v>-67770.018620041999</c:v>
                </c:pt>
                <c:pt idx="15">
                  <c:v>-66397.764669681099</c:v>
                </c:pt>
                <c:pt idx="16">
                  <c:v>-70448.672344312799</c:v>
                </c:pt>
                <c:pt idx="17">
                  <c:v>-73687.302661438007</c:v>
                </c:pt>
                <c:pt idx="18">
                  <c:v>-68904.204344218801</c:v>
                </c:pt>
                <c:pt idx="19">
                  <c:v>-67504.144262748901</c:v>
                </c:pt>
                <c:pt idx="20">
                  <c:v>-65423.390493368199</c:v>
                </c:pt>
                <c:pt idx="21">
                  <c:v>-70001.374278115007</c:v>
                </c:pt>
                <c:pt idx="22">
                  <c:v>-63113.108638313002</c:v>
                </c:pt>
                <c:pt idx="23">
                  <c:v>-67025.115565883607</c:v>
                </c:pt>
                <c:pt idx="24">
                  <c:v>-69587.795424856304</c:v>
                </c:pt>
                <c:pt idx="25">
                  <c:v>-74158.173067332405</c:v>
                </c:pt>
                <c:pt idx="26">
                  <c:v>-63270.719837024197</c:v>
                </c:pt>
                <c:pt idx="27">
                  <c:v>-69056.470646800604</c:v>
                </c:pt>
                <c:pt idx="28">
                  <c:v>-67076.4955572326</c:v>
                </c:pt>
                <c:pt idx="29">
                  <c:v>-67876.069036341098</c:v>
                </c:pt>
                <c:pt idx="30">
                  <c:v>-72795.983985850893</c:v>
                </c:pt>
                <c:pt idx="31">
                  <c:v>-65161.148475918701</c:v>
                </c:pt>
                <c:pt idx="32">
                  <c:v>-64435.795039274599</c:v>
                </c:pt>
                <c:pt idx="33">
                  <c:v>-62679.200157972999</c:v>
                </c:pt>
                <c:pt idx="34">
                  <c:v>-66637.865559017693</c:v>
                </c:pt>
                <c:pt idx="35">
                  <c:v>-67490.290720370904</c:v>
                </c:pt>
                <c:pt idx="36">
                  <c:v>-60945.556117047097</c:v>
                </c:pt>
                <c:pt idx="37">
                  <c:v>-62327.112177823903</c:v>
                </c:pt>
                <c:pt idx="38">
                  <c:v>-59545.379309256597</c:v>
                </c:pt>
                <c:pt idx="39">
                  <c:v>-70006.544983744199</c:v>
                </c:pt>
                <c:pt idx="40">
                  <c:v>-58286.501592647401</c:v>
                </c:pt>
                <c:pt idx="41">
                  <c:v>-63413.285516278302</c:v>
                </c:pt>
                <c:pt idx="42">
                  <c:v>-63907.386503996502</c:v>
                </c:pt>
                <c:pt idx="43">
                  <c:v>-64076.727325432803</c:v>
                </c:pt>
                <c:pt idx="44">
                  <c:v>-60360.949204668999</c:v>
                </c:pt>
                <c:pt idx="45">
                  <c:v>-57351.672510953802</c:v>
                </c:pt>
                <c:pt idx="46">
                  <c:v>-58087.714095839001</c:v>
                </c:pt>
                <c:pt idx="47">
                  <c:v>-63363.379468371597</c:v>
                </c:pt>
                <c:pt idx="48">
                  <c:v>-70950.278343768601</c:v>
                </c:pt>
                <c:pt idx="49">
                  <c:v>-69520.979681986893</c:v>
                </c:pt>
                <c:pt idx="50">
                  <c:v>-58401.315480390404</c:v>
                </c:pt>
                <c:pt idx="51">
                  <c:v>-61901.561490514898</c:v>
                </c:pt>
                <c:pt idx="52">
                  <c:v>-73042.326528314006</c:v>
                </c:pt>
                <c:pt idx="53">
                  <c:v>-60107.631012137303</c:v>
                </c:pt>
                <c:pt idx="54">
                  <c:v>-55707.8871659242</c:v>
                </c:pt>
                <c:pt idx="55">
                  <c:v>-60349.297573608703</c:v>
                </c:pt>
                <c:pt idx="56">
                  <c:v>-56141.026783028799</c:v>
                </c:pt>
                <c:pt idx="57">
                  <c:v>-74137.814917472904</c:v>
                </c:pt>
                <c:pt idx="58">
                  <c:v>-59994.228905326803</c:v>
                </c:pt>
                <c:pt idx="59">
                  <c:v>-61102.355539656601</c:v>
                </c:pt>
                <c:pt idx="60">
                  <c:v>-59343.455093421799</c:v>
                </c:pt>
                <c:pt idx="61">
                  <c:v>-53637.979544338297</c:v>
                </c:pt>
                <c:pt idx="62">
                  <c:v>-56117.904223742</c:v>
                </c:pt>
                <c:pt idx="63">
                  <c:v>-59918.969172680198</c:v>
                </c:pt>
                <c:pt idx="64">
                  <c:v>-64973.1712888248</c:v>
                </c:pt>
                <c:pt idx="65">
                  <c:v>-55048.641691261597</c:v>
                </c:pt>
                <c:pt idx="66">
                  <c:v>-61345.954728518896</c:v>
                </c:pt>
                <c:pt idx="67">
                  <c:v>-55724.326610253098</c:v>
                </c:pt>
                <c:pt idx="68">
                  <c:v>-57022.706787528499</c:v>
                </c:pt>
                <c:pt idx="69">
                  <c:v>-55545.319224828701</c:v>
                </c:pt>
                <c:pt idx="70">
                  <c:v>-60589.101641085501</c:v>
                </c:pt>
                <c:pt idx="71">
                  <c:v>-57887.891312742999</c:v>
                </c:pt>
                <c:pt idx="72">
                  <c:v>-58885.4637151766</c:v>
                </c:pt>
                <c:pt idx="73">
                  <c:v>-53421.150709604502</c:v>
                </c:pt>
                <c:pt idx="74">
                  <c:v>-65009.6600602701</c:v>
                </c:pt>
                <c:pt idx="75">
                  <c:v>-56663.315902670103</c:v>
                </c:pt>
                <c:pt idx="76">
                  <c:v>-59925.839262168003</c:v>
                </c:pt>
                <c:pt idx="77">
                  <c:v>-63762.440886987599</c:v>
                </c:pt>
                <c:pt idx="78">
                  <c:v>-61522.971412616302</c:v>
                </c:pt>
                <c:pt idx="79">
                  <c:v>-61547.2724828102</c:v>
                </c:pt>
                <c:pt idx="80">
                  <c:v>-58028.995236511197</c:v>
                </c:pt>
                <c:pt idx="81">
                  <c:v>-54205.068797471598</c:v>
                </c:pt>
                <c:pt idx="82">
                  <c:v>-58284.115659708703</c:v>
                </c:pt>
                <c:pt idx="83">
                  <c:v>-58678.754452650202</c:v>
                </c:pt>
                <c:pt idx="84">
                  <c:v>-49508.212777173001</c:v>
                </c:pt>
                <c:pt idx="85">
                  <c:v>-53988.578455762501</c:v>
                </c:pt>
                <c:pt idx="86">
                  <c:v>-55662.473996156201</c:v>
                </c:pt>
                <c:pt idx="87">
                  <c:v>-51841.2775750703</c:v>
                </c:pt>
                <c:pt idx="88">
                  <c:v>-58306.077210280098</c:v>
                </c:pt>
                <c:pt idx="89">
                  <c:v>-53183.495448769303</c:v>
                </c:pt>
                <c:pt idx="90">
                  <c:v>-54209.295674799701</c:v>
                </c:pt>
                <c:pt idx="91">
                  <c:v>-54551.181191034702</c:v>
                </c:pt>
                <c:pt idx="92">
                  <c:v>-63933.147546779401</c:v>
                </c:pt>
                <c:pt idx="93">
                  <c:v>-65703.834363793503</c:v>
                </c:pt>
                <c:pt idx="94">
                  <c:v>-59978.619693182998</c:v>
                </c:pt>
                <c:pt idx="95">
                  <c:v>-55046.128707681302</c:v>
                </c:pt>
                <c:pt idx="96">
                  <c:v>-55266.7929735461</c:v>
                </c:pt>
                <c:pt idx="97">
                  <c:v>-54652.616733776304</c:v>
                </c:pt>
                <c:pt idx="98">
                  <c:v>-50453.907806597497</c:v>
                </c:pt>
                <c:pt idx="99">
                  <c:v>-54424.1108535378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519-49C9-BBD1-CE1AD73FC012}"/>
            </c:ext>
          </c:extLst>
        </c:ser>
        <c:ser>
          <c:idx val="2"/>
          <c:order val="2"/>
          <c:tx>
            <c:strRef>
              <c:f>'genetic_easy_0_selection_ro (2)'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'genetic_easy_0_selection_ro (2)'!$C$2:$C$101</c:f>
              <c:numCache>
                <c:formatCode>General</c:formatCode>
                <c:ptCount val="100"/>
                <c:pt idx="0">
                  <c:v>-30934.985173907498</c:v>
                </c:pt>
                <c:pt idx="1">
                  <c:v>-24431.798853121301</c:v>
                </c:pt>
                <c:pt idx="2">
                  <c:v>-24728.1183426059</c:v>
                </c:pt>
                <c:pt idx="3">
                  <c:v>-24311.080188374399</c:v>
                </c:pt>
                <c:pt idx="4">
                  <c:v>-24120.419921663201</c:v>
                </c:pt>
                <c:pt idx="5">
                  <c:v>-23842.577775864502</c:v>
                </c:pt>
                <c:pt idx="6">
                  <c:v>-23477.894703186201</c:v>
                </c:pt>
                <c:pt idx="7">
                  <c:v>-23214.429497141198</c:v>
                </c:pt>
                <c:pt idx="8">
                  <c:v>-22979.835964066999</c:v>
                </c:pt>
                <c:pt idx="9">
                  <c:v>-22961.909124074598</c:v>
                </c:pt>
                <c:pt idx="10">
                  <c:v>-22708.869740440601</c:v>
                </c:pt>
                <c:pt idx="11">
                  <c:v>-22496.768483287098</c:v>
                </c:pt>
                <c:pt idx="12">
                  <c:v>-22220.738560543199</c:v>
                </c:pt>
                <c:pt idx="13">
                  <c:v>-21725.932235841999</c:v>
                </c:pt>
                <c:pt idx="14">
                  <c:v>-21838.801937032</c:v>
                </c:pt>
                <c:pt idx="15">
                  <c:v>-21660.152371619301</c:v>
                </c:pt>
                <c:pt idx="16">
                  <c:v>-21561.084475974199</c:v>
                </c:pt>
                <c:pt idx="17">
                  <c:v>-21387.5378175765</c:v>
                </c:pt>
                <c:pt idx="18">
                  <c:v>-21098.805665441701</c:v>
                </c:pt>
                <c:pt idx="19">
                  <c:v>-21039.058326214501</c:v>
                </c:pt>
                <c:pt idx="20">
                  <c:v>-20889.596097259899</c:v>
                </c:pt>
                <c:pt idx="21">
                  <c:v>-20348.7223888669</c:v>
                </c:pt>
                <c:pt idx="22">
                  <c:v>-20251.0076079338</c:v>
                </c:pt>
                <c:pt idx="23">
                  <c:v>-19720.8393283191</c:v>
                </c:pt>
                <c:pt idx="24">
                  <c:v>-19978.184735296501</c:v>
                </c:pt>
                <c:pt idx="25">
                  <c:v>-19379.346438668999</c:v>
                </c:pt>
                <c:pt idx="26">
                  <c:v>-19447.6332852946</c:v>
                </c:pt>
                <c:pt idx="27">
                  <c:v>-19296.197208824899</c:v>
                </c:pt>
                <c:pt idx="28">
                  <c:v>-19079.161361804599</c:v>
                </c:pt>
                <c:pt idx="29">
                  <c:v>-19020.454696343</c:v>
                </c:pt>
                <c:pt idx="30">
                  <c:v>-19225.8718416015</c:v>
                </c:pt>
                <c:pt idx="31">
                  <c:v>-18583.229511181598</c:v>
                </c:pt>
                <c:pt idx="32">
                  <c:v>-18450.510439253299</c:v>
                </c:pt>
                <c:pt idx="33">
                  <c:v>-18585.872215072501</c:v>
                </c:pt>
                <c:pt idx="34">
                  <c:v>-18269.0271770779</c:v>
                </c:pt>
                <c:pt idx="35">
                  <c:v>-18296.072004505</c:v>
                </c:pt>
                <c:pt idx="36">
                  <c:v>-17846.867872733099</c:v>
                </c:pt>
                <c:pt idx="37">
                  <c:v>-17542.924504029299</c:v>
                </c:pt>
                <c:pt idx="38">
                  <c:v>-17736.676140815001</c:v>
                </c:pt>
                <c:pt idx="39">
                  <c:v>-17939.624485422399</c:v>
                </c:pt>
                <c:pt idx="40">
                  <c:v>-17432.687797497802</c:v>
                </c:pt>
                <c:pt idx="41">
                  <c:v>-17445.053405009399</c:v>
                </c:pt>
                <c:pt idx="42">
                  <c:v>-17515.872414228601</c:v>
                </c:pt>
                <c:pt idx="43">
                  <c:v>-17592.6031685011</c:v>
                </c:pt>
                <c:pt idx="44">
                  <c:v>-17356.235360093098</c:v>
                </c:pt>
                <c:pt idx="45">
                  <c:v>-17293.701111352399</c:v>
                </c:pt>
                <c:pt idx="46">
                  <c:v>-16818.613605540701</c:v>
                </c:pt>
                <c:pt idx="47">
                  <c:v>-16925.803045156801</c:v>
                </c:pt>
                <c:pt idx="48">
                  <c:v>-16529.409643635699</c:v>
                </c:pt>
                <c:pt idx="49">
                  <c:v>-16620.6994475139</c:v>
                </c:pt>
                <c:pt idx="50">
                  <c:v>-16701.711150184499</c:v>
                </c:pt>
                <c:pt idx="51">
                  <c:v>-16658.460862505999</c:v>
                </c:pt>
                <c:pt idx="52">
                  <c:v>-16673.479643196501</c:v>
                </c:pt>
                <c:pt idx="53">
                  <c:v>-16344.9643717616</c:v>
                </c:pt>
                <c:pt idx="54">
                  <c:v>-16559.245730857801</c:v>
                </c:pt>
                <c:pt idx="55">
                  <c:v>-16341.099617730901</c:v>
                </c:pt>
                <c:pt idx="56">
                  <c:v>-16468.3886634357</c:v>
                </c:pt>
                <c:pt idx="57">
                  <c:v>-16338.0740797858</c:v>
                </c:pt>
                <c:pt idx="58">
                  <c:v>-16028.433609518301</c:v>
                </c:pt>
                <c:pt idx="59">
                  <c:v>-15529.147569839801</c:v>
                </c:pt>
                <c:pt idx="60">
                  <c:v>-15592.715019633401</c:v>
                </c:pt>
                <c:pt idx="61">
                  <c:v>-15813.052647937</c:v>
                </c:pt>
                <c:pt idx="62">
                  <c:v>-15433.889017653401</c:v>
                </c:pt>
                <c:pt idx="63">
                  <c:v>-15513.0214121684</c:v>
                </c:pt>
                <c:pt idx="64">
                  <c:v>-15740.3863567958</c:v>
                </c:pt>
                <c:pt idx="65">
                  <c:v>-15468.5775879782</c:v>
                </c:pt>
                <c:pt idx="66">
                  <c:v>-15558.0598458607</c:v>
                </c:pt>
                <c:pt idx="67">
                  <c:v>-15477.626049104399</c:v>
                </c:pt>
                <c:pt idx="68">
                  <c:v>-15186.8868449524</c:v>
                </c:pt>
                <c:pt idx="69">
                  <c:v>-15052.2970550354</c:v>
                </c:pt>
                <c:pt idx="70">
                  <c:v>-15158.3602035074</c:v>
                </c:pt>
                <c:pt idx="71">
                  <c:v>-15258.727664620799</c:v>
                </c:pt>
                <c:pt idx="72">
                  <c:v>-14870.5132187322</c:v>
                </c:pt>
                <c:pt idx="73">
                  <c:v>-15128.0748619639</c:v>
                </c:pt>
                <c:pt idx="74">
                  <c:v>-15029.1323999618</c:v>
                </c:pt>
                <c:pt idx="75">
                  <c:v>-14828.415079239399</c:v>
                </c:pt>
                <c:pt idx="76">
                  <c:v>-14680.3019696308</c:v>
                </c:pt>
                <c:pt idx="77">
                  <c:v>-14906.3952241485</c:v>
                </c:pt>
                <c:pt idx="78">
                  <c:v>-14724.7814595771</c:v>
                </c:pt>
                <c:pt idx="79">
                  <c:v>-14455.408277537401</c:v>
                </c:pt>
                <c:pt idx="80">
                  <c:v>-14671.3107695007</c:v>
                </c:pt>
                <c:pt idx="81">
                  <c:v>-14490.689586820399</c:v>
                </c:pt>
                <c:pt idx="82">
                  <c:v>-14298.3141538809</c:v>
                </c:pt>
                <c:pt idx="83">
                  <c:v>-14192.260443422099</c:v>
                </c:pt>
                <c:pt idx="84">
                  <c:v>-14265.398632984899</c:v>
                </c:pt>
                <c:pt idx="85">
                  <c:v>-14217.1780484876</c:v>
                </c:pt>
                <c:pt idx="86">
                  <c:v>-14178.497190074801</c:v>
                </c:pt>
                <c:pt idx="87">
                  <c:v>-14131.381026670801</c:v>
                </c:pt>
                <c:pt idx="88">
                  <c:v>-14182.6548797429</c:v>
                </c:pt>
                <c:pt idx="89">
                  <c:v>-13772.048500686</c:v>
                </c:pt>
                <c:pt idx="90">
                  <c:v>-13979.000393559299</c:v>
                </c:pt>
                <c:pt idx="91">
                  <c:v>-13894.8715939719</c:v>
                </c:pt>
                <c:pt idx="92">
                  <c:v>-13588.9882767578</c:v>
                </c:pt>
                <c:pt idx="93">
                  <c:v>-13655.9180410717</c:v>
                </c:pt>
                <c:pt idx="94">
                  <c:v>-13492.3434780649</c:v>
                </c:pt>
                <c:pt idx="95">
                  <c:v>-13521.616933497</c:v>
                </c:pt>
                <c:pt idx="96">
                  <c:v>-13326.8194796608</c:v>
                </c:pt>
                <c:pt idx="97">
                  <c:v>-13312.108314663499</c:v>
                </c:pt>
                <c:pt idx="98">
                  <c:v>-13220.2111052982</c:v>
                </c:pt>
                <c:pt idx="99">
                  <c:v>-13284.2521205970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8519-49C9-BBD1-CE1AD73FC01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63386944"/>
        <c:axId val="63367392"/>
      </c:lineChart>
      <c:catAx>
        <c:axId val="63386944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67392"/>
        <c:crosses val="autoZero"/>
        <c:auto val="1"/>
        <c:lblAlgn val="ctr"/>
        <c:lblOffset val="100"/>
        <c:noMultiLvlLbl val="0"/>
      </c:catAx>
      <c:valAx>
        <c:axId val="6336739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8694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easy_0_crossover_ox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ox!$A$2:$A$101</c:f>
              <c:numCache>
                <c:formatCode>General</c:formatCode>
                <c:ptCount val="100"/>
                <c:pt idx="0">
                  <c:v>-28312.8499299949</c:v>
                </c:pt>
                <c:pt idx="1">
                  <c:v>-23929.851252209599</c:v>
                </c:pt>
                <c:pt idx="2">
                  <c:v>-23554.0697038873</c:v>
                </c:pt>
                <c:pt idx="3">
                  <c:v>-23712.467506208999</c:v>
                </c:pt>
                <c:pt idx="4">
                  <c:v>-22109.850870358601</c:v>
                </c:pt>
                <c:pt idx="5">
                  <c:v>-22412.580594343999</c:v>
                </c:pt>
                <c:pt idx="6">
                  <c:v>-22412.580594343999</c:v>
                </c:pt>
                <c:pt idx="7">
                  <c:v>-21993.6562495006</c:v>
                </c:pt>
                <c:pt idx="8">
                  <c:v>-21677.4038685858</c:v>
                </c:pt>
                <c:pt idx="9">
                  <c:v>-20593.7662489305</c:v>
                </c:pt>
                <c:pt idx="10">
                  <c:v>-20845.4504054676</c:v>
                </c:pt>
                <c:pt idx="11">
                  <c:v>-20252.6103581795</c:v>
                </c:pt>
                <c:pt idx="12">
                  <c:v>-19557.737443352202</c:v>
                </c:pt>
                <c:pt idx="13">
                  <c:v>-18445.1158866308</c:v>
                </c:pt>
                <c:pt idx="14">
                  <c:v>-18574.667127799901</c:v>
                </c:pt>
                <c:pt idx="15">
                  <c:v>-18523.774652303298</c:v>
                </c:pt>
                <c:pt idx="16">
                  <c:v>-18153.175707809001</c:v>
                </c:pt>
                <c:pt idx="17">
                  <c:v>-17273.0371838514</c:v>
                </c:pt>
                <c:pt idx="18">
                  <c:v>-17276.1988658382</c:v>
                </c:pt>
                <c:pt idx="19">
                  <c:v>-16080.954551786899</c:v>
                </c:pt>
                <c:pt idx="20">
                  <c:v>-16089.9957768494</c:v>
                </c:pt>
                <c:pt idx="21">
                  <c:v>-15470.687987765899</c:v>
                </c:pt>
                <c:pt idx="22">
                  <c:v>-14833.364249443801</c:v>
                </c:pt>
                <c:pt idx="23">
                  <c:v>-14833.364249443801</c:v>
                </c:pt>
                <c:pt idx="24">
                  <c:v>-14237.5783167923</c:v>
                </c:pt>
                <c:pt idx="25">
                  <c:v>-13933.395434607201</c:v>
                </c:pt>
                <c:pt idx="26">
                  <c:v>-13486.5857462479</c:v>
                </c:pt>
                <c:pt idx="27">
                  <c:v>-13058.8433517182</c:v>
                </c:pt>
                <c:pt idx="28">
                  <c:v>-12877.279110756501</c:v>
                </c:pt>
                <c:pt idx="29">
                  <c:v>-12692.670787252</c:v>
                </c:pt>
                <c:pt idx="30">
                  <c:v>-12138.623020430499</c:v>
                </c:pt>
                <c:pt idx="31">
                  <c:v>-11437.640551718499</c:v>
                </c:pt>
                <c:pt idx="32">
                  <c:v>-11430.6321020957</c:v>
                </c:pt>
                <c:pt idx="33">
                  <c:v>-11212.2591798583</c:v>
                </c:pt>
                <c:pt idx="34">
                  <c:v>-11175.8861911654</c:v>
                </c:pt>
                <c:pt idx="35">
                  <c:v>-10959.8129372929</c:v>
                </c:pt>
                <c:pt idx="36">
                  <c:v>-10382.5849030111</c:v>
                </c:pt>
                <c:pt idx="37">
                  <c:v>-10457.5121934624</c:v>
                </c:pt>
                <c:pt idx="38">
                  <c:v>-9699.2866292904891</c:v>
                </c:pt>
                <c:pt idx="39">
                  <c:v>-9180.1607122425794</c:v>
                </c:pt>
                <c:pt idx="40">
                  <c:v>-9180.1607122425794</c:v>
                </c:pt>
                <c:pt idx="41">
                  <c:v>-9549.9037732981506</c:v>
                </c:pt>
                <c:pt idx="42">
                  <c:v>-9010.1261399130999</c:v>
                </c:pt>
                <c:pt idx="43">
                  <c:v>-9487.7431931189694</c:v>
                </c:pt>
                <c:pt idx="44">
                  <c:v>-9037.8235532663803</c:v>
                </c:pt>
                <c:pt idx="45">
                  <c:v>-8970.4215248176606</c:v>
                </c:pt>
                <c:pt idx="46">
                  <c:v>-8714.3117592372691</c:v>
                </c:pt>
                <c:pt idx="47">
                  <c:v>-8714.3117592372691</c:v>
                </c:pt>
                <c:pt idx="48">
                  <c:v>-8492.0808996061696</c:v>
                </c:pt>
                <c:pt idx="49">
                  <c:v>-8492.0808996061696</c:v>
                </c:pt>
                <c:pt idx="50">
                  <c:v>-8492.0808996061696</c:v>
                </c:pt>
                <c:pt idx="51">
                  <c:v>-8389.3360582200894</c:v>
                </c:pt>
                <c:pt idx="52">
                  <c:v>-8259.4563884571799</c:v>
                </c:pt>
                <c:pt idx="53">
                  <c:v>-8048.7041229684201</c:v>
                </c:pt>
                <c:pt idx="54">
                  <c:v>-8216.4551769658392</c:v>
                </c:pt>
                <c:pt idx="55">
                  <c:v>-8048.7041229684201</c:v>
                </c:pt>
                <c:pt idx="56">
                  <c:v>-7800.2855095947698</c:v>
                </c:pt>
                <c:pt idx="57">
                  <c:v>-7744.5240672950804</c:v>
                </c:pt>
                <c:pt idx="58">
                  <c:v>-7635.9636426186098</c:v>
                </c:pt>
                <c:pt idx="59">
                  <c:v>-7493.25038307249</c:v>
                </c:pt>
                <c:pt idx="60">
                  <c:v>-7262.49751576161</c:v>
                </c:pt>
                <c:pt idx="61">
                  <c:v>-7086.79425076605</c:v>
                </c:pt>
                <c:pt idx="62">
                  <c:v>-6944.5229434906996</c:v>
                </c:pt>
                <c:pt idx="63">
                  <c:v>-6784.1420773304299</c:v>
                </c:pt>
                <c:pt idx="64">
                  <c:v>-6673.6676326637598</c:v>
                </c:pt>
                <c:pt idx="65">
                  <c:v>-6658.7181978773897</c:v>
                </c:pt>
                <c:pt idx="66">
                  <c:v>-6509.6490504029998</c:v>
                </c:pt>
                <c:pt idx="67">
                  <c:v>-6525.9718163403704</c:v>
                </c:pt>
                <c:pt idx="68">
                  <c:v>-6442.3026325087903</c:v>
                </c:pt>
                <c:pt idx="69">
                  <c:v>-6199.2552156893698</c:v>
                </c:pt>
                <c:pt idx="70">
                  <c:v>-6292.7196515532496</c:v>
                </c:pt>
                <c:pt idx="71">
                  <c:v>-6288.9931591043396</c:v>
                </c:pt>
                <c:pt idx="72">
                  <c:v>-6069.3417861171702</c:v>
                </c:pt>
                <c:pt idx="73">
                  <c:v>-6102.63564430519</c:v>
                </c:pt>
                <c:pt idx="74">
                  <c:v>-6113.13276432967</c:v>
                </c:pt>
                <c:pt idx="75">
                  <c:v>-6039.6749335045697</c:v>
                </c:pt>
                <c:pt idx="76">
                  <c:v>-5902.9870959268601</c:v>
                </c:pt>
                <c:pt idx="77">
                  <c:v>-5859.98112987288</c:v>
                </c:pt>
                <c:pt idx="78">
                  <c:v>-5731.5736411554999</c:v>
                </c:pt>
                <c:pt idx="79">
                  <c:v>-5696.2514554415302</c:v>
                </c:pt>
                <c:pt idx="80">
                  <c:v>-5669.1736904433101</c:v>
                </c:pt>
                <c:pt idx="81">
                  <c:v>-5635.66272480104</c:v>
                </c:pt>
                <c:pt idx="82">
                  <c:v>-5584.6597977805905</c:v>
                </c:pt>
                <c:pt idx="83">
                  <c:v>-5524.4424563849998</c:v>
                </c:pt>
                <c:pt idx="84">
                  <c:v>-5454.17189115152</c:v>
                </c:pt>
                <c:pt idx="85">
                  <c:v>-5386.1457098624496</c:v>
                </c:pt>
                <c:pt idx="86">
                  <c:v>-5402.1329281827402</c:v>
                </c:pt>
                <c:pt idx="87">
                  <c:v>-5402.1329281827402</c:v>
                </c:pt>
                <c:pt idx="88">
                  <c:v>-5323.4347948124096</c:v>
                </c:pt>
                <c:pt idx="89">
                  <c:v>-5253.6032619426596</c:v>
                </c:pt>
                <c:pt idx="90">
                  <c:v>-5250.9063419284903</c:v>
                </c:pt>
                <c:pt idx="91">
                  <c:v>-5237.4660935945603</c:v>
                </c:pt>
                <c:pt idx="92">
                  <c:v>-5119.5401872352704</c:v>
                </c:pt>
                <c:pt idx="93">
                  <c:v>-5130.9126101068796</c:v>
                </c:pt>
                <c:pt idx="94">
                  <c:v>-5029.9681561384205</c:v>
                </c:pt>
                <c:pt idx="95">
                  <c:v>-5029.9681561384205</c:v>
                </c:pt>
                <c:pt idx="96">
                  <c:v>-5029.9681561384205</c:v>
                </c:pt>
                <c:pt idx="97">
                  <c:v>-5029.9681561384205</c:v>
                </c:pt>
                <c:pt idx="98">
                  <c:v>-5029.9681561384205</c:v>
                </c:pt>
                <c:pt idx="99">
                  <c:v>-4963.01490093506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332-4157-ABED-70D0984475F3}"/>
            </c:ext>
          </c:extLst>
        </c:ser>
        <c:ser>
          <c:idx val="1"/>
          <c:order val="1"/>
          <c:tx>
            <c:strRef>
              <c:f>genetic_easy_0_crossover_ox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ox!$B$2:$B$101</c:f>
              <c:numCache>
                <c:formatCode>General</c:formatCode>
                <c:ptCount val="100"/>
                <c:pt idx="0">
                  <c:v>-88180.958803601898</c:v>
                </c:pt>
                <c:pt idx="1">
                  <c:v>-80868.458856269106</c:v>
                </c:pt>
                <c:pt idx="2">
                  <c:v>-79054.921030540907</c:v>
                </c:pt>
                <c:pt idx="3">
                  <c:v>-77052.100267847301</c:v>
                </c:pt>
                <c:pt idx="4">
                  <c:v>-76474.302648572499</c:v>
                </c:pt>
                <c:pt idx="5">
                  <c:v>-77867.122172181</c:v>
                </c:pt>
                <c:pt idx="6">
                  <c:v>-73522.495901413102</c:v>
                </c:pt>
                <c:pt idx="7">
                  <c:v>-73988.578170595007</c:v>
                </c:pt>
                <c:pt idx="8">
                  <c:v>-80107.080409738497</c:v>
                </c:pt>
                <c:pt idx="9">
                  <c:v>-74770.320367112698</c:v>
                </c:pt>
                <c:pt idx="10">
                  <c:v>-74951.197034240598</c:v>
                </c:pt>
                <c:pt idx="11">
                  <c:v>-72661.599017404806</c:v>
                </c:pt>
                <c:pt idx="12">
                  <c:v>-67327.086034602995</c:v>
                </c:pt>
                <c:pt idx="13">
                  <c:v>-73108.511475948195</c:v>
                </c:pt>
                <c:pt idx="14">
                  <c:v>-69067.155663511701</c:v>
                </c:pt>
                <c:pt idx="15">
                  <c:v>-74775.653631347304</c:v>
                </c:pt>
                <c:pt idx="16">
                  <c:v>-66562.482247898006</c:v>
                </c:pt>
                <c:pt idx="17">
                  <c:v>-61177.471537233403</c:v>
                </c:pt>
                <c:pt idx="18">
                  <c:v>-56807.171639825501</c:v>
                </c:pt>
                <c:pt idx="19">
                  <c:v>-60934.609245354201</c:v>
                </c:pt>
                <c:pt idx="20">
                  <c:v>-63118.484133125203</c:v>
                </c:pt>
                <c:pt idx="21">
                  <c:v>-60308.187378374998</c:v>
                </c:pt>
                <c:pt idx="22">
                  <c:v>-53562.7660491559</c:v>
                </c:pt>
                <c:pt idx="23">
                  <c:v>-51002.794966194502</c:v>
                </c:pt>
                <c:pt idx="24">
                  <c:v>-47825.900096099402</c:v>
                </c:pt>
                <c:pt idx="25">
                  <c:v>-50437.397617122202</c:v>
                </c:pt>
                <c:pt idx="26">
                  <c:v>-57315.140687522202</c:v>
                </c:pt>
                <c:pt idx="27">
                  <c:v>-54240.4239140133</c:v>
                </c:pt>
                <c:pt idx="28">
                  <c:v>-47081.419093217301</c:v>
                </c:pt>
                <c:pt idx="29">
                  <c:v>-49184.664034953697</c:v>
                </c:pt>
                <c:pt idx="30">
                  <c:v>-45760.353539849901</c:v>
                </c:pt>
                <c:pt idx="31">
                  <c:v>-44492.888864722401</c:v>
                </c:pt>
                <c:pt idx="32">
                  <c:v>-41822.546490195498</c:v>
                </c:pt>
                <c:pt idx="33">
                  <c:v>-45473.671993059601</c:v>
                </c:pt>
                <c:pt idx="34">
                  <c:v>-44277.354887715803</c:v>
                </c:pt>
                <c:pt idx="35">
                  <c:v>-48198.7344180808</c:v>
                </c:pt>
                <c:pt idx="36">
                  <c:v>-47007.046575376502</c:v>
                </c:pt>
                <c:pt idx="37">
                  <c:v>-39632.266968542601</c:v>
                </c:pt>
                <c:pt idx="38">
                  <c:v>-41065.100261530002</c:v>
                </c:pt>
                <c:pt idx="39">
                  <c:v>-43779.188371896998</c:v>
                </c:pt>
                <c:pt idx="40">
                  <c:v>-46352.713792563998</c:v>
                </c:pt>
                <c:pt idx="41">
                  <c:v>-43787.732358762703</c:v>
                </c:pt>
                <c:pt idx="42">
                  <c:v>-44974.634569710397</c:v>
                </c:pt>
                <c:pt idx="43">
                  <c:v>-40094.852009865703</c:v>
                </c:pt>
                <c:pt idx="44">
                  <c:v>-44967.760088952498</c:v>
                </c:pt>
                <c:pt idx="45">
                  <c:v>-54132.755493042103</c:v>
                </c:pt>
                <c:pt idx="46">
                  <c:v>-38687.469244599699</c:v>
                </c:pt>
                <c:pt idx="47">
                  <c:v>-47970.1324361894</c:v>
                </c:pt>
                <c:pt idx="48">
                  <c:v>-34250.9416953166</c:v>
                </c:pt>
                <c:pt idx="49">
                  <c:v>-40400.897107914898</c:v>
                </c:pt>
                <c:pt idx="50">
                  <c:v>-37882.6276993309</c:v>
                </c:pt>
                <c:pt idx="51">
                  <c:v>-37318.454805183901</c:v>
                </c:pt>
                <c:pt idx="52">
                  <c:v>-34318.171764177903</c:v>
                </c:pt>
                <c:pt idx="53">
                  <c:v>-37952.3800072343</c:v>
                </c:pt>
                <c:pt idx="54">
                  <c:v>-36471.975908295703</c:v>
                </c:pt>
                <c:pt idx="55">
                  <c:v>-37772.372198460798</c:v>
                </c:pt>
                <c:pt idx="56">
                  <c:v>-42211.044531410902</c:v>
                </c:pt>
                <c:pt idx="57">
                  <c:v>-37280.278713865497</c:v>
                </c:pt>
                <c:pt idx="58">
                  <c:v>-30105.4575200119</c:v>
                </c:pt>
                <c:pt idx="59">
                  <c:v>-36017.017395809598</c:v>
                </c:pt>
                <c:pt idx="60">
                  <c:v>-31729.150218677099</c:v>
                </c:pt>
                <c:pt idx="61">
                  <c:v>-34943.381191774497</c:v>
                </c:pt>
                <c:pt idx="62">
                  <c:v>-36933.914814633798</c:v>
                </c:pt>
                <c:pt idx="63">
                  <c:v>-27862.0184131104</c:v>
                </c:pt>
                <c:pt idx="64">
                  <c:v>-29810.048293016302</c:v>
                </c:pt>
                <c:pt idx="65">
                  <c:v>-29287.456220968099</c:v>
                </c:pt>
                <c:pt idx="66">
                  <c:v>-30215.764077858799</c:v>
                </c:pt>
                <c:pt idx="67">
                  <c:v>-30621.525556776702</c:v>
                </c:pt>
                <c:pt idx="68">
                  <c:v>-29514.114695419001</c:v>
                </c:pt>
                <c:pt idx="69">
                  <c:v>-26353.978211315502</c:v>
                </c:pt>
                <c:pt idx="70">
                  <c:v>-34214.7206224201</c:v>
                </c:pt>
                <c:pt idx="71">
                  <c:v>-32101.9466435342</c:v>
                </c:pt>
                <c:pt idx="72">
                  <c:v>-32494.5636756815</c:v>
                </c:pt>
                <c:pt idx="73">
                  <c:v>-27661.998185246001</c:v>
                </c:pt>
                <c:pt idx="74">
                  <c:v>-26690.363233484899</c:v>
                </c:pt>
                <c:pt idx="75">
                  <c:v>-33338.012721739797</c:v>
                </c:pt>
                <c:pt idx="76">
                  <c:v>-30070.849728458899</c:v>
                </c:pt>
                <c:pt idx="77">
                  <c:v>-27059.366102973101</c:v>
                </c:pt>
                <c:pt idx="78">
                  <c:v>-22677.443694956499</c:v>
                </c:pt>
                <c:pt idx="79">
                  <c:v>-30116.1360306606</c:v>
                </c:pt>
                <c:pt idx="80">
                  <c:v>-35683.994426313002</c:v>
                </c:pt>
                <c:pt idx="81">
                  <c:v>-27806.292437895099</c:v>
                </c:pt>
                <c:pt idx="82">
                  <c:v>-25033.6220962347</c:v>
                </c:pt>
                <c:pt idx="83">
                  <c:v>-32944.099947955598</c:v>
                </c:pt>
                <c:pt idx="84">
                  <c:v>-27577.8353047292</c:v>
                </c:pt>
                <c:pt idx="85">
                  <c:v>-28782.440045815001</c:v>
                </c:pt>
                <c:pt idx="86">
                  <c:v>-29538.713287108101</c:v>
                </c:pt>
                <c:pt idx="87">
                  <c:v>-28458.1988314796</c:v>
                </c:pt>
                <c:pt idx="88">
                  <c:v>-24665.9105277163</c:v>
                </c:pt>
                <c:pt idx="89">
                  <c:v>-25310.2694158427</c:v>
                </c:pt>
                <c:pt idx="90">
                  <c:v>-28147.756707439599</c:v>
                </c:pt>
                <c:pt idx="91">
                  <c:v>-26742.442633357801</c:v>
                </c:pt>
                <c:pt idx="92">
                  <c:v>-28892.8217901114</c:v>
                </c:pt>
                <c:pt idx="93">
                  <c:v>-24500.560668625301</c:v>
                </c:pt>
                <c:pt idx="94">
                  <c:v>-30893.724804044999</c:v>
                </c:pt>
                <c:pt idx="95">
                  <c:v>-24971.101559146002</c:v>
                </c:pt>
                <c:pt idx="96">
                  <c:v>-24500.560668625301</c:v>
                </c:pt>
                <c:pt idx="97">
                  <c:v>-25475.963477541802</c:v>
                </c:pt>
                <c:pt idx="98">
                  <c:v>-29740.1597171717</c:v>
                </c:pt>
                <c:pt idx="99">
                  <c:v>-23648.0506555772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332-4157-ABED-70D0984475F3}"/>
            </c:ext>
          </c:extLst>
        </c:ser>
        <c:ser>
          <c:idx val="2"/>
          <c:order val="2"/>
          <c:tx>
            <c:strRef>
              <c:f>genetic_easy_0_crossover_ox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ox!$C$2:$C$101</c:f>
              <c:numCache>
                <c:formatCode>General</c:formatCode>
                <c:ptCount val="100"/>
                <c:pt idx="0">
                  <c:v>-30569.857714012101</c:v>
                </c:pt>
                <c:pt idx="1">
                  <c:v>-24619.030631337999</c:v>
                </c:pt>
                <c:pt idx="2">
                  <c:v>-24604.677264301001</c:v>
                </c:pt>
                <c:pt idx="3">
                  <c:v>-24368.8951681125</c:v>
                </c:pt>
                <c:pt idx="4">
                  <c:v>-24096.192374032798</c:v>
                </c:pt>
                <c:pt idx="5">
                  <c:v>-23948.870981184002</c:v>
                </c:pt>
                <c:pt idx="6">
                  <c:v>-23387.808682637398</c:v>
                </c:pt>
                <c:pt idx="7">
                  <c:v>-23031.698401852998</c:v>
                </c:pt>
                <c:pt idx="8">
                  <c:v>-22682.9485263313</c:v>
                </c:pt>
                <c:pt idx="9">
                  <c:v>-22204.307459800599</c:v>
                </c:pt>
                <c:pt idx="10">
                  <c:v>-21829.956197344101</c:v>
                </c:pt>
                <c:pt idx="11">
                  <c:v>-21103.159602324598</c:v>
                </c:pt>
                <c:pt idx="12">
                  <c:v>-20917.163905928799</c:v>
                </c:pt>
                <c:pt idx="13">
                  <c:v>-20189.3585747291</c:v>
                </c:pt>
                <c:pt idx="14">
                  <c:v>-19988.2814296092</c:v>
                </c:pt>
                <c:pt idx="15">
                  <c:v>-19741.6025095603</c:v>
                </c:pt>
                <c:pt idx="16">
                  <c:v>-19081.931603516899</c:v>
                </c:pt>
                <c:pt idx="17">
                  <c:v>-18538.776652177901</c:v>
                </c:pt>
                <c:pt idx="18">
                  <c:v>-18427.930897352599</c:v>
                </c:pt>
                <c:pt idx="19">
                  <c:v>-17626.894261614299</c:v>
                </c:pt>
                <c:pt idx="20">
                  <c:v>-17153.396433048001</c:v>
                </c:pt>
                <c:pt idx="21">
                  <c:v>-16676.453367011</c:v>
                </c:pt>
                <c:pt idx="22">
                  <c:v>-16308.6489208777</c:v>
                </c:pt>
                <c:pt idx="23">
                  <c:v>-15674.1169585836</c:v>
                </c:pt>
                <c:pt idx="24">
                  <c:v>-15370.7543876204</c:v>
                </c:pt>
                <c:pt idx="25">
                  <c:v>-15056.5745678814</c:v>
                </c:pt>
                <c:pt idx="26">
                  <c:v>-14565.846464874699</c:v>
                </c:pt>
                <c:pt idx="27">
                  <c:v>-14115.4771698845</c:v>
                </c:pt>
                <c:pt idx="28">
                  <c:v>-13781.830128764101</c:v>
                </c:pt>
                <c:pt idx="29">
                  <c:v>-13451.294996921701</c:v>
                </c:pt>
                <c:pt idx="30">
                  <c:v>-12986.0944142473</c:v>
                </c:pt>
                <c:pt idx="31">
                  <c:v>-12588.209709045501</c:v>
                </c:pt>
                <c:pt idx="32">
                  <c:v>-12328.159163897401</c:v>
                </c:pt>
                <c:pt idx="33">
                  <c:v>-12125.446887132601</c:v>
                </c:pt>
                <c:pt idx="34">
                  <c:v>-11854.394678692101</c:v>
                </c:pt>
                <c:pt idx="35">
                  <c:v>-11674.4587534614</c:v>
                </c:pt>
                <c:pt idx="36">
                  <c:v>-11304.3911294272</c:v>
                </c:pt>
                <c:pt idx="37">
                  <c:v>-11338.7592553793</c:v>
                </c:pt>
                <c:pt idx="38">
                  <c:v>-11078.3190211446</c:v>
                </c:pt>
                <c:pt idx="39">
                  <c:v>-10772.444733675</c:v>
                </c:pt>
                <c:pt idx="40">
                  <c:v>-10615.0002461923</c:v>
                </c:pt>
                <c:pt idx="41">
                  <c:v>-10410.090555230499</c:v>
                </c:pt>
                <c:pt idx="42">
                  <c:v>-10143.243068054901</c:v>
                </c:pt>
                <c:pt idx="43">
                  <c:v>-10122.996361311099</c:v>
                </c:pt>
                <c:pt idx="44">
                  <c:v>-9884.2865182367404</c:v>
                </c:pt>
                <c:pt idx="45">
                  <c:v>-9673.6680865025301</c:v>
                </c:pt>
                <c:pt idx="46">
                  <c:v>-9553.4701998638902</c:v>
                </c:pt>
                <c:pt idx="47">
                  <c:v>-9494.1109353812408</c:v>
                </c:pt>
                <c:pt idx="48">
                  <c:v>-9323.7588358038902</c:v>
                </c:pt>
                <c:pt idx="49">
                  <c:v>-9173.1313914186903</c:v>
                </c:pt>
                <c:pt idx="50">
                  <c:v>-9121.1431426628005</c:v>
                </c:pt>
                <c:pt idx="51">
                  <c:v>-8985.4766529660901</c:v>
                </c:pt>
                <c:pt idx="52">
                  <c:v>-8866.0665009540407</c:v>
                </c:pt>
                <c:pt idx="53">
                  <c:v>-8730.8819427666604</c:v>
                </c:pt>
                <c:pt idx="54">
                  <c:v>-8608.2603492856306</c:v>
                </c:pt>
                <c:pt idx="55">
                  <c:v>-8441.1390311392206</c:v>
                </c:pt>
                <c:pt idx="56">
                  <c:v>-8380.5396811517803</c:v>
                </c:pt>
                <c:pt idx="57">
                  <c:v>-8212.0166135751406</c:v>
                </c:pt>
                <c:pt idx="58">
                  <c:v>-7999.9395654728196</c:v>
                </c:pt>
                <c:pt idx="59">
                  <c:v>-7890.2308959168004</c:v>
                </c:pt>
                <c:pt idx="60">
                  <c:v>-7753.8237372942203</c:v>
                </c:pt>
                <c:pt idx="61">
                  <c:v>-7640.8328223625804</c:v>
                </c:pt>
                <c:pt idx="62">
                  <c:v>-7484.3036536643403</c:v>
                </c:pt>
                <c:pt idx="63">
                  <c:v>-7446.90626793718</c:v>
                </c:pt>
                <c:pt idx="64">
                  <c:v>-7343.1984169055704</c:v>
                </c:pt>
                <c:pt idx="65">
                  <c:v>-7202.4761633765902</c:v>
                </c:pt>
                <c:pt idx="66">
                  <c:v>-7168.7844171574998</c:v>
                </c:pt>
                <c:pt idx="67">
                  <c:v>-7138.7078941131504</c:v>
                </c:pt>
                <c:pt idx="68">
                  <c:v>-7017.4059285477097</c:v>
                </c:pt>
                <c:pt idx="69">
                  <c:v>-6941.3848796625798</c:v>
                </c:pt>
                <c:pt idx="70">
                  <c:v>-6878.2630102257799</c:v>
                </c:pt>
                <c:pt idx="71">
                  <c:v>-6805.4778362748502</c:v>
                </c:pt>
                <c:pt idx="72">
                  <c:v>-6748.4860074194203</c:v>
                </c:pt>
                <c:pt idx="73">
                  <c:v>-6621.8517377489197</c:v>
                </c:pt>
                <c:pt idx="74">
                  <c:v>-6588.1854437884404</c:v>
                </c:pt>
                <c:pt idx="75">
                  <c:v>-6524.5637384833799</c:v>
                </c:pt>
                <c:pt idx="76">
                  <c:v>-6485.2216808151297</c:v>
                </c:pt>
                <c:pt idx="77">
                  <c:v>-6447.6378375116201</c:v>
                </c:pt>
                <c:pt idx="78">
                  <c:v>-6332.1214545699304</c:v>
                </c:pt>
                <c:pt idx="79">
                  <c:v>-6329.4293703189896</c:v>
                </c:pt>
                <c:pt idx="80">
                  <c:v>-6305.6387252743998</c:v>
                </c:pt>
                <c:pt idx="81">
                  <c:v>-6272.6945946920196</c:v>
                </c:pt>
                <c:pt idx="82">
                  <c:v>-6188.6776315045799</c:v>
                </c:pt>
                <c:pt idx="83">
                  <c:v>-6189.2948053518203</c:v>
                </c:pt>
                <c:pt idx="84">
                  <c:v>-6153.25614078123</c:v>
                </c:pt>
                <c:pt idx="85">
                  <c:v>-6132.33645792879</c:v>
                </c:pt>
                <c:pt idx="86">
                  <c:v>-6114.2474541748297</c:v>
                </c:pt>
                <c:pt idx="87">
                  <c:v>-6055.5118479816501</c:v>
                </c:pt>
                <c:pt idx="88">
                  <c:v>-6043.6842910911801</c:v>
                </c:pt>
                <c:pt idx="89">
                  <c:v>-6006.8994454588201</c:v>
                </c:pt>
                <c:pt idx="90">
                  <c:v>-5992.2891360005997</c:v>
                </c:pt>
                <c:pt idx="91">
                  <c:v>-5966.4209422085396</c:v>
                </c:pt>
                <c:pt idx="92">
                  <c:v>-5940.6004969129599</c:v>
                </c:pt>
                <c:pt idx="93">
                  <c:v>-5928.5893767277203</c:v>
                </c:pt>
                <c:pt idx="94">
                  <c:v>-5876.8961796105104</c:v>
                </c:pt>
                <c:pt idx="95">
                  <c:v>-5878.1281195742504</c:v>
                </c:pt>
                <c:pt idx="96">
                  <c:v>-5826.5078860753601</c:v>
                </c:pt>
                <c:pt idx="97">
                  <c:v>-5843.5514973550498</c:v>
                </c:pt>
                <c:pt idx="98">
                  <c:v>-5758.8191985476997</c:v>
                </c:pt>
                <c:pt idx="99">
                  <c:v>-5730.905999613690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5332-4157-ABED-70D0984475F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836843295"/>
        <c:axId val="836843711"/>
      </c:lineChart>
      <c:catAx>
        <c:axId val="836843295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836843711"/>
        <c:crosses val="autoZero"/>
        <c:auto val="1"/>
        <c:lblAlgn val="ctr"/>
        <c:lblOffset val="100"/>
        <c:noMultiLvlLbl val="0"/>
      </c:catAx>
      <c:valAx>
        <c:axId val="83684371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836843295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easy_0_crossover_ox_rat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ox_rat!$A$2:$A$101</c:f>
              <c:numCache>
                <c:formatCode>General</c:formatCode>
                <c:ptCount val="100"/>
                <c:pt idx="0">
                  <c:v>-26015.972688389</c:v>
                </c:pt>
                <c:pt idx="1">
                  <c:v>-23232.343013938302</c:v>
                </c:pt>
                <c:pt idx="2">
                  <c:v>-23534.546344367001</c:v>
                </c:pt>
                <c:pt idx="3">
                  <c:v>-23534.546344367001</c:v>
                </c:pt>
                <c:pt idx="4">
                  <c:v>-23534.546344367001</c:v>
                </c:pt>
                <c:pt idx="5">
                  <c:v>-21799.364831393901</c:v>
                </c:pt>
                <c:pt idx="6">
                  <c:v>-22054.470328140102</c:v>
                </c:pt>
                <c:pt idx="7">
                  <c:v>-21623.497959725501</c:v>
                </c:pt>
                <c:pt idx="8">
                  <c:v>-21306.937272694599</c:v>
                </c:pt>
                <c:pt idx="9">
                  <c:v>-20692.811745496401</c:v>
                </c:pt>
                <c:pt idx="10">
                  <c:v>-19958.427079151399</c:v>
                </c:pt>
                <c:pt idx="11">
                  <c:v>-19624.427061742099</c:v>
                </c:pt>
                <c:pt idx="12">
                  <c:v>-17979.0556418741</c:v>
                </c:pt>
                <c:pt idx="13">
                  <c:v>-17969.030225111401</c:v>
                </c:pt>
                <c:pt idx="14">
                  <c:v>-15651.979182101601</c:v>
                </c:pt>
                <c:pt idx="15">
                  <c:v>-17305.555546498101</c:v>
                </c:pt>
                <c:pt idx="16">
                  <c:v>-17355.119453652798</c:v>
                </c:pt>
                <c:pt idx="17">
                  <c:v>-15555.570866350999</c:v>
                </c:pt>
                <c:pt idx="18">
                  <c:v>-14980.0037028974</c:v>
                </c:pt>
                <c:pt idx="19">
                  <c:v>-15718.8329567452</c:v>
                </c:pt>
                <c:pt idx="20">
                  <c:v>-14893.187670053399</c:v>
                </c:pt>
                <c:pt idx="21">
                  <c:v>-13376.5124811364</c:v>
                </c:pt>
                <c:pt idx="22">
                  <c:v>-13376.5124811364</c:v>
                </c:pt>
                <c:pt idx="23">
                  <c:v>-14114.490844095701</c:v>
                </c:pt>
                <c:pt idx="24">
                  <c:v>-13908.679050488299</c:v>
                </c:pt>
                <c:pt idx="25">
                  <c:v>-12879.1718684425</c:v>
                </c:pt>
                <c:pt idx="26">
                  <c:v>-12815.6713158109</c:v>
                </c:pt>
                <c:pt idx="27">
                  <c:v>-12516.792638732701</c:v>
                </c:pt>
                <c:pt idx="28">
                  <c:v>-12181.3061049193</c:v>
                </c:pt>
                <c:pt idx="29">
                  <c:v>-12212.3437313514</c:v>
                </c:pt>
                <c:pt idx="30">
                  <c:v>-11852.0454212275</c:v>
                </c:pt>
                <c:pt idx="31">
                  <c:v>-11409.9867926812</c:v>
                </c:pt>
                <c:pt idx="32">
                  <c:v>-11348.418117209199</c:v>
                </c:pt>
                <c:pt idx="33">
                  <c:v>-10409.254169653799</c:v>
                </c:pt>
                <c:pt idx="34">
                  <c:v>-10724.0615538892</c:v>
                </c:pt>
                <c:pt idx="35">
                  <c:v>-10477.3512317276</c:v>
                </c:pt>
                <c:pt idx="36">
                  <c:v>-10338.519337645999</c:v>
                </c:pt>
                <c:pt idx="37">
                  <c:v>-10021.4879437618</c:v>
                </c:pt>
                <c:pt idx="38">
                  <c:v>-9351.7189307546305</c:v>
                </c:pt>
                <c:pt idx="39">
                  <c:v>-9164.1576675252909</c:v>
                </c:pt>
                <c:pt idx="40">
                  <c:v>-9164.1576675252909</c:v>
                </c:pt>
                <c:pt idx="41">
                  <c:v>-9136.3254162834291</c:v>
                </c:pt>
                <c:pt idx="42">
                  <c:v>-9086.0523824915799</c:v>
                </c:pt>
                <c:pt idx="43">
                  <c:v>-9043.2472205415197</c:v>
                </c:pt>
                <c:pt idx="44">
                  <c:v>-8937.4406534739501</c:v>
                </c:pt>
                <c:pt idx="45">
                  <c:v>-8904.9848651851698</c:v>
                </c:pt>
                <c:pt idx="46">
                  <c:v>-8981.7232171531996</c:v>
                </c:pt>
                <c:pt idx="47">
                  <c:v>-8768.7013742129293</c:v>
                </c:pt>
                <c:pt idx="48">
                  <c:v>-8796.3513137114296</c:v>
                </c:pt>
                <c:pt idx="49">
                  <c:v>-8743.7265903115494</c:v>
                </c:pt>
                <c:pt idx="50">
                  <c:v>-8609.20023634879</c:v>
                </c:pt>
                <c:pt idx="51">
                  <c:v>-8275.0540895937593</c:v>
                </c:pt>
                <c:pt idx="52">
                  <c:v>-8228.8906718175094</c:v>
                </c:pt>
                <c:pt idx="53">
                  <c:v>-8023.9002181417</c:v>
                </c:pt>
                <c:pt idx="54">
                  <c:v>-7814.4752427719995</c:v>
                </c:pt>
                <c:pt idx="55">
                  <c:v>-7809.04510723564</c:v>
                </c:pt>
                <c:pt idx="56">
                  <c:v>-7616.04629794223</c:v>
                </c:pt>
                <c:pt idx="57">
                  <c:v>-7552.4137013118097</c:v>
                </c:pt>
                <c:pt idx="58">
                  <c:v>-7552.6203466922498</c:v>
                </c:pt>
                <c:pt idx="59">
                  <c:v>-7437.2990447953198</c:v>
                </c:pt>
                <c:pt idx="60">
                  <c:v>-7506.8634874522504</c:v>
                </c:pt>
                <c:pt idx="61">
                  <c:v>-7352.4592466063204</c:v>
                </c:pt>
                <c:pt idx="62">
                  <c:v>-7291.9369174249096</c:v>
                </c:pt>
                <c:pt idx="63">
                  <c:v>-7294.3228782038204</c:v>
                </c:pt>
                <c:pt idx="64">
                  <c:v>-7294.3228782038204</c:v>
                </c:pt>
                <c:pt idx="65">
                  <c:v>-7271.9611231786703</c:v>
                </c:pt>
                <c:pt idx="66">
                  <c:v>-7169.87475061639</c:v>
                </c:pt>
                <c:pt idx="67">
                  <c:v>-7120.5779755154199</c:v>
                </c:pt>
                <c:pt idx="68">
                  <c:v>-7100.0942407823804</c:v>
                </c:pt>
                <c:pt idx="69">
                  <c:v>-7082.0056514702601</c:v>
                </c:pt>
                <c:pt idx="70">
                  <c:v>-7082.0056514702601</c:v>
                </c:pt>
                <c:pt idx="71">
                  <c:v>-7012.6229068198199</c:v>
                </c:pt>
                <c:pt idx="72">
                  <c:v>-7025.4188209720596</c:v>
                </c:pt>
                <c:pt idx="73">
                  <c:v>-7025.4188209720596</c:v>
                </c:pt>
                <c:pt idx="74">
                  <c:v>-6893.68694515882</c:v>
                </c:pt>
                <c:pt idx="75">
                  <c:v>-6793.8749875455496</c:v>
                </c:pt>
                <c:pt idx="76">
                  <c:v>-6893.68694515882</c:v>
                </c:pt>
                <c:pt idx="77">
                  <c:v>-6615.7685621902301</c:v>
                </c:pt>
                <c:pt idx="78">
                  <c:v>-6615.7685621902301</c:v>
                </c:pt>
                <c:pt idx="79">
                  <c:v>-6615.7685621902301</c:v>
                </c:pt>
                <c:pt idx="80">
                  <c:v>-6615.7685621902301</c:v>
                </c:pt>
                <c:pt idx="81">
                  <c:v>-6484.0366863769896</c:v>
                </c:pt>
                <c:pt idx="82">
                  <c:v>-6484.0366863769896</c:v>
                </c:pt>
                <c:pt idx="83">
                  <c:v>-6452.6877921322703</c:v>
                </c:pt>
                <c:pt idx="84">
                  <c:v>-6381.6067514107099</c:v>
                </c:pt>
                <c:pt idx="85">
                  <c:v>-6322.7661500165896</c:v>
                </c:pt>
                <c:pt idx="86">
                  <c:v>-6301.3172361304196</c:v>
                </c:pt>
                <c:pt idx="87">
                  <c:v>-6281.8461837660598</c:v>
                </c:pt>
                <c:pt idx="88">
                  <c:v>-6269.9683418856903</c:v>
                </c:pt>
                <c:pt idx="89">
                  <c:v>-6220.3362150503099</c:v>
                </c:pt>
                <c:pt idx="90">
                  <c:v>-6200.8651626859501</c:v>
                </c:pt>
                <c:pt idx="91">
                  <c:v>-6200.8651626859501</c:v>
                </c:pt>
                <c:pt idx="92">
                  <c:v>-6120.5756474056598</c:v>
                </c:pt>
                <c:pt idx="93">
                  <c:v>-6120.5756474056598</c:v>
                </c:pt>
                <c:pt idx="94">
                  <c:v>-6120.5756474056598</c:v>
                </c:pt>
                <c:pt idx="95">
                  <c:v>-6120.5756474056598</c:v>
                </c:pt>
                <c:pt idx="96">
                  <c:v>-6071.8452921082499</c:v>
                </c:pt>
                <c:pt idx="97">
                  <c:v>-5773.3415505667499</c:v>
                </c:pt>
                <c:pt idx="98">
                  <c:v>-5773.3415505667499</c:v>
                </c:pt>
                <c:pt idx="99">
                  <c:v>-5773.34155056674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2BC-4A8B-812B-396244F105D7}"/>
            </c:ext>
          </c:extLst>
        </c:ser>
        <c:ser>
          <c:idx val="1"/>
          <c:order val="1"/>
          <c:tx>
            <c:strRef>
              <c:f>genetic_easy_0_crossover_ox_rat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ox_rat!$B$2:$B$101</c:f>
              <c:numCache>
                <c:formatCode>General</c:formatCode>
                <c:ptCount val="100"/>
                <c:pt idx="0">
                  <c:v>-86347.059532022206</c:v>
                </c:pt>
                <c:pt idx="1">
                  <c:v>-81168.976049610195</c:v>
                </c:pt>
                <c:pt idx="2">
                  <c:v>-79424.300105227507</c:v>
                </c:pt>
                <c:pt idx="3">
                  <c:v>-75424.183156558705</c:v>
                </c:pt>
                <c:pt idx="4">
                  <c:v>-74141.258959802493</c:v>
                </c:pt>
                <c:pt idx="5">
                  <c:v>-73601.250965231797</c:v>
                </c:pt>
                <c:pt idx="6">
                  <c:v>-84790.350778217602</c:v>
                </c:pt>
                <c:pt idx="7">
                  <c:v>-71996.950659349895</c:v>
                </c:pt>
                <c:pt idx="8">
                  <c:v>-74477.303561053195</c:v>
                </c:pt>
                <c:pt idx="9">
                  <c:v>-68881.359114060004</c:v>
                </c:pt>
                <c:pt idx="10">
                  <c:v>-69978.043012190203</c:v>
                </c:pt>
                <c:pt idx="11">
                  <c:v>-68955.061206443104</c:v>
                </c:pt>
                <c:pt idx="12">
                  <c:v>-68133.516602353295</c:v>
                </c:pt>
                <c:pt idx="13">
                  <c:v>-65004.258509197301</c:v>
                </c:pt>
                <c:pt idx="14">
                  <c:v>-74079.637020634793</c:v>
                </c:pt>
                <c:pt idx="15">
                  <c:v>-65133.800445032197</c:v>
                </c:pt>
                <c:pt idx="16">
                  <c:v>-65063.719937372502</c:v>
                </c:pt>
                <c:pt idx="17">
                  <c:v>-66836.579318587494</c:v>
                </c:pt>
                <c:pt idx="18">
                  <c:v>-61115.4554329608</c:v>
                </c:pt>
                <c:pt idx="19">
                  <c:v>-60970.517633436197</c:v>
                </c:pt>
                <c:pt idx="20">
                  <c:v>-72932.150676327903</c:v>
                </c:pt>
                <c:pt idx="21">
                  <c:v>-65526.243773733098</c:v>
                </c:pt>
                <c:pt idx="22">
                  <c:v>-60369.818114559501</c:v>
                </c:pt>
                <c:pt idx="23">
                  <c:v>-57806.278974612796</c:v>
                </c:pt>
                <c:pt idx="24">
                  <c:v>-64087.3778749103</c:v>
                </c:pt>
                <c:pt idx="25">
                  <c:v>-60280.855256177601</c:v>
                </c:pt>
                <c:pt idx="26">
                  <c:v>-54535.207657717598</c:v>
                </c:pt>
                <c:pt idx="27">
                  <c:v>-55958.267897365396</c:v>
                </c:pt>
                <c:pt idx="28">
                  <c:v>-56827.477943095902</c:v>
                </c:pt>
                <c:pt idx="29">
                  <c:v>-56963.4053184246</c:v>
                </c:pt>
                <c:pt idx="30">
                  <c:v>-56488.124299497002</c:v>
                </c:pt>
                <c:pt idx="31">
                  <c:v>-54889.464385925901</c:v>
                </c:pt>
                <c:pt idx="32">
                  <c:v>-52112.550157081503</c:v>
                </c:pt>
                <c:pt idx="33">
                  <c:v>-52906.236036714203</c:v>
                </c:pt>
                <c:pt idx="34">
                  <c:v>-54897.031845425503</c:v>
                </c:pt>
                <c:pt idx="35">
                  <c:v>-50764.056409546101</c:v>
                </c:pt>
                <c:pt idx="36">
                  <c:v>-59853.380658467897</c:v>
                </c:pt>
                <c:pt idx="37">
                  <c:v>-48939.678488948099</c:v>
                </c:pt>
                <c:pt idx="38">
                  <c:v>-51283.277781024197</c:v>
                </c:pt>
                <c:pt idx="39">
                  <c:v>-48573.814092002198</c:v>
                </c:pt>
                <c:pt idx="40">
                  <c:v>-46608.680324187597</c:v>
                </c:pt>
                <c:pt idx="41">
                  <c:v>-41131.7374290355</c:v>
                </c:pt>
                <c:pt idx="42">
                  <c:v>-38525.519154221998</c:v>
                </c:pt>
                <c:pt idx="43">
                  <c:v>-42251.121689655301</c:v>
                </c:pt>
                <c:pt idx="44">
                  <c:v>-45119.862276556203</c:v>
                </c:pt>
                <c:pt idx="45">
                  <c:v>-49141.483059745398</c:v>
                </c:pt>
                <c:pt idx="46">
                  <c:v>-42047.031428521099</c:v>
                </c:pt>
                <c:pt idx="47">
                  <c:v>-45291.339150396001</c:v>
                </c:pt>
                <c:pt idx="48">
                  <c:v>-38726.2008111861</c:v>
                </c:pt>
                <c:pt idx="49">
                  <c:v>-35466.194899153103</c:v>
                </c:pt>
                <c:pt idx="50">
                  <c:v>-36595.823313029701</c:v>
                </c:pt>
                <c:pt idx="51">
                  <c:v>-40824.570629155998</c:v>
                </c:pt>
                <c:pt idx="52">
                  <c:v>-34823.738690268699</c:v>
                </c:pt>
                <c:pt idx="53">
                  <c:v>-46519.870469378802</c:v>
                </c:pt>
                <c:pt idx="54">
                  <c:v>-43228.9431492894</c:v>
                </c:pt>
                <c:pt idx="55">
                  <c:v>-36590.934076367703</c:v>
                </c:pt>
                <c:pt idx="56">
                  <c:v>-38286.116410344701</c:v>
                </c:pt>
                <c:pt idx="57">
                  <c:v>-34535.081463420101</c:v>
                </c:pt>
                <c:pt idx="58">
                  <c:v>-33772.340721929599</c:v>
                </c:pt>
                <c:pt idx="59">
                  <c:v>-34141.364392064199</c:v>
                </c:pt>
                <c:pt idx="60">
                  <c:v>-40587.139216820797</c:v>
                </c:pt>
                <c:pt idx="61">
                  <c:v>-38889.196449051298</c:v>
                </c:pt>
                <c:pt idx="62">
                  <c:v>-35996.945627428096</c:v>
                </c:pt>
                <c:pt idx="63">
                  <c:v>-34433.453391530202</c:v>
                </c:pt>
                <c:pt idx="64">
                  <c:v>-46455.3503971643</c:v>
                </c:pt>
                <c:pt idx="65">
                  <c:v>-33996.494220026303</c:v>
                </c:pt>
                <c:pt idx="66">
                  <c:v>-36041.7744786857</c:v>
                </c:pt>
                <c:pt idx="67">
                  <c:v>-37925.388359366698</c:v>
                </c:pt>
                <c:pt idx="68">
                  <c:v>-35689.345223644799</c:v>
                </c:pt>
                <c:pt idx="69">
                  <c:v>-33293.453634159603</c:v>
                </c:pt>
                <c:pt idx="70">
                  <c:v>-31883.180564907299</c:v>
                </c:pt>
                <c:pt idx="71">
                  <c:v>-32078.787781307401</c:v>
                </c:pt>
                <c:pt idx="72">
                  <c:v>-31906.346071607899</c:v>
                </c:pt>
                <c:pt idx="73">
                  <c:v>-41073.972056495601</c:v>
                </c:pt>
                <c:pt idx="74">
                  <c:v>-33775.7533051071</c:v>
                </c:pt>
                <c:pt idx="75">
                  <c:v>-30862.582424226199</c:v>
                </c:pt>
                <c:pt idx="76">
                  <c:v>-26439.073603256002</c:v>
                </c:pt>
                <c:pt idx="77">
                  <c:v>-31130.216086243399</c:v>
                </c:pt>
                <c:pt idx="78">
                  <c:v>-33168.728411340599</c:v>
                </c:pt>
                <c:pt idx="79">
                  <c:v>-31382.032130905001</c:v>
                </c:pt>
                <c:pt idx="80">
                  <c:v>-28779.272803205</c:v>
                </c:pt>
                <c:pt idx="81">
                  <c:v>-26130.668144569099</c:v>
                </c:pt>
                <c:pt idx="82">
                  <c:v>-30410.663796193101</c:v>
                </c:pt>
                <c:pt idx="83">
                  <c:v>-34996.593538893401</c:v>
                </c:pt>
                <c:pt idx="84">
                  <c:v>-30288.987673882999</c:v>
                </c:pt>
                <c:pt idx="85">
                  <c:v>-27918.533680308799</c:v>
                </c:pt>
                <c:pt idx="86">
                  <c:v>-30177.429014130499</c:v>
                </c:pt>
                <c:pt idx="87">
                  <c:v>-31205.897724333099</c:v>
                </c:pt>
                <c:pt idx="88">
                  <c:v>-26898.048108046401</c:v>
                </c:pt>
                <c:pt idx="89">
                  <c:v>-29210.945238129301</c:v>
                </c:pt>
                <c:pt idx="90">
                  <c:v>-28067.430942016599</c:v>
                </c:pt>
                <c:pt idx="91">
                  <c:v>-30023.810454263701</c:v>
                </c:pt>
                <c:pt idx="92">
                  <c:v>-25494.296924793802</c:v>
                </c:pt>
                <c:pt idx="93">
                  <c:v>-28819.457096281902</c:v>
                </c:pt>
                <c:pt idx="94">
                  <c:v>-28066.085645070401</c:v>
                </c:pt>
                <c:pt idx="95">
                  <c:v>-28822.178387616899</c:v>
                </c:pt>
                <c:pt idx="96">
                  <c:v>-27422.827853567302</c:v>
                </c:pt>
                <c:pt idx="97">
                  <c:v>-26749.9058920432</c:v>
                </c:pt>
                <c:pt idx="98">
                  <c:v>-30973.071102933402</c:v>
                </c:pt>
                <c:pt idx="99">
                  <c:v>-26913.09015684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2BC-4A8B-812B-396244F105D7}"/>
            </c:ext>
          </c:extLst>
        </c:ser>
        <c:ser>
          <c:idx val="2"/>
          <c:order val="2"/>
          <c:tx>
            <c:strRef>
              <c:f>genetic_easy_0_crossover_ox_rat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ox_rat!$C$2:$C$101</c:f>
              <c:numCache>
                <c:formatCode>General</c:formatCode>
                <c:ptCount val="100"/>
                <c:pt idx="0">
                  <c:v>-30513.755172691501</c:v>
                </c:pt>
                <c:pt idx="1">
                  <c:v>-24447.139096391002</c:v>
                </c:pt>
                <c:pt idx="2">
                  <c:v>-24410.541963174499</c:v>
                </c:pt>
                <c:pt idx="3">
                  <c:v>-24257.701638086899</c:v>
                </c:pt>
                <c:pt idx="4">
                  <c:v>-24192.104789774799</c:v>
                </c:pt>
                <c:pt idx="5">
                  <c:v>-23635.733302912999</c:v>
                </c:pt>
                <c:pt idx="6">
                  <c:v>-23264.7552313622</c:v>
                </c:pt>
                <c:pt idx="7">
                  <c:v>-22912.767322949301</c:v>
                </c:pt>
                <c:pt idx="8">
                  <c:v>-22523.7876712916</c:v>
                </c:pt>
                <c:pt idx="9">
                  <c:v>-22282.485955649401</c:v>
                </c:pt>
                <c:pt idx="10">
                  <c:v>-21920.517747757502</c:v>
                </c:pt>
                <c:pt idx="11">
                  <c:v>-21667.3986041717</c:v>
                </c:pt>
                <c:pt idx="12">
                  <c:v>-21127.442573770801</c:v>
                </c:pt>
                <c:pt idx="13">
                  <c:v>-20947.440303576601</c:v>
                </c:pt>
                <c:pt idx="14">
                  <c:v>-20505.3316277985</c:v>
                </c:pt>
                <c:pt idx="15">
                  <c:v>-20501.448817159198</c:v>
                </c:pt>
                <c:pt idx="16">
                  <c:v>-20468.464950049201</c:v>
                </c:pt>
                <c:pt idx="17">
                  <c:v>-19740.5802582857</c:v>
                </c:pt>
                <c:pt idx="18">
                  <c:v>-19390.832391013999</c:v>
                </c:pt>
                <c:pt idx="19">
                  <c:v>-19309.141552042402</c:v>
                </c:pt>
                <c:pt idx="20">
                  <c:v>-19061.8302014197</c:v>
                </c:pt>
                <c:pt idx="21">
                  <c:v>-18591.410409227701</c:v>
                </c:pt>
                <c:pt idx="22">
                  <c:v>-18470.807444333401</c:v>
                </c:pt>
                <c:pt idx="23">
                  <c:v>-18232.6256173193</c:v>
                </c:pt>
                <c:pt idx="24">
                  <c:v>-18099.3301127179</c:v>
                </c:pt>
                <c:pt idx="25">
                  <c:v>-17624.515769147201</c:v>
                </c:pt>
                <c:pt idx="26">
                  <c:v>-17276.779594514199</c:v>
                </c:pt>
                <c:pt idx="27">
                  <c:v>-16949.886033596202</c:v>
                </c:pt>
                <c:pt idx="28">
                  <c:v>-16498.528523131801</c:v>
                </c:pt>
                <c:pt idx="29">
                  <c:v>-16422.957067482101</c:v>
                </c:pt>
                <c:pt idx="30">
                  <c:v>-16181.538152831001</c:v>
                </c:pt>
                <c:pt idx="31">
                  <c:v>-15988.189403025401</c:v>
                </c:pt>
                <c:pt idx="32">
                  <c:v>-15633.466517923</c:v>
                </c:pt>
                <c:pt idx="33">
                  <c:v>-15420.3863532457</c:v>
                </c:pt>
                <c:pt idx="34">
                  <c:v>-14979.6621295404</c:v>
                </c:pt>
                <c:pt idx="35">
                  <c:v>-14669.6714281858</c:v>
                </c:pt>
                <c:pt idx="36">
                  <c:v>-14515.851348018699</c:v>
                </c:pt>
                <c:pt idx="37">
                  <c:v>-14212.6498164078</c:v>
                </c:pt>
                <c:pt idx="38">
                  <c:v>-13895.1010928579</c:v>
                </c:pt>
                <c:pt idx="39">
                  <c:v>-13535.1291726162</c:v>
                </c:pt>
                <c:pt idx="40">
                  <c:v>-13314.4144144036</c:v>
                </c:pt>
                <c:pt idx="41">
                  <c:v>-13017.9854035061</c:v>
                </c:pt>
                <c:pt idx="42">
                  <c:v>-12852.095393884199</c:v>
                </c:pt>
                <c:pt idx="43">
                  <c:v>-12469.6502396622</c:v>
                </c:pt>
                <c:pt idx="44">
                  <c:v>-12353.572447144301</c:v>
                </c:pt>
                <c:pt idx="45">
                  <c:v>-12252.478492246801</c:v>
                </c:pt>
                <c:pt idx="46">
                  <c:v>-11940.071807394501</c:v>
                </c:pt>
                <c:pt idx="47">
                  <c:v>-11714.925201800001</c:v>
                </c:pt>
                <c:pt idx="48">
                  <c:v>-11599.913337149799</c:v>
                </c:pt>
                <c:pt idx="49">
                  <c:v>-11498.1665404701</c:v>
                </c:pt>
                <c:pt idx="50">
                  <c:v>-11358.2671510649</c:v>
                </c:pt>
                <c:pt idx="51">
                  <c:v>-11151.6893897963</c:v>
                </c:pt>
                <c:pt idx="52">
                  <c:v>-10937.280661914099</c:v>
                </c:pt>
                <c:pt idx="53">
                  <c:v>-10715.928419419901</c:v>
                </c:pt>
                <c:pt idx="54">
                  <c:v>-10598.491101485</c:v>
                </c:pt>
                <c:pt idx="55">
                  <c:v>-10481.565751149799</c:v>
                </c:pt>
                <c:pt idx="56">
                  <c:v>-10269.6632559955</c:v>
                </c:pt>
                <c:pt idx="57">
                  <c:v>-10091.5669456943</c:v>
                </c:pt>
                <c:pt idx="58">
                  <c:v>-9959.7302194584099</c:v>
                </c:pt>
                <c:pt idx="59">
                  <c:v>-9834.6148115481701</c:v>
                </c:pt>
                <c:pt idx="60">
                  <c:v>-9660.2217875521092</c:v>
                </c:pt>
                <c:pt idx="61">
                  <c:v>-9529.9933004460108</c:v>
                </c:pt>
                <c:pt idx="62">
                  <c:v>-9509.7338261212208</c:v>
                </c:pt>
                <c:pt idx="63">
                  <c:v>-9394.24038841533</c:v>
                </c:pt>
                <c:pt idx="64">
                  <c:v>-9339.2235139417298</c:v>
                </c:pt>
                <c:pt idx="65">
                  <c:v>-9129.1889592243897</c:v>
                </c:pt>
                <c:pt idx="66">
                  <c:v>-9082.0667313030208</c:v>
                </c:pt>
                <c:pt idx="67">
                  <c:v>-8948.0947439742595</c:v>
                </c:pt>
                <c:pt idx="68">
                  <c:v>-8892.8439631525107</c:v>
                </c:pt>
                <c:pt idx="69">
                  <c:v>-8782.8156014168198</c:v>
                </c:pt>
                <c:pt idx="70">
                  <c:v>-8761.1898239736092</c:v>
                </c:pt>
                <c:pt idx="71">
                  <c:v>-8659.2526361132404</c:v>
                </c:pt>
                <c:pt idx="72">
                  <c:v>-8583.9238457392294</c:v>
                </c:pt>
                <c:pt idx="73">
                  <c:v>-8478.3000404013001</c:v>
                </c:pt>
                <c:pt idx="74">
                  <c:v>-8449.2392206196691</c:v>
                </c:pt>
                <c:pt idx="75">
                  <c:v>-8353.5033734211702</c:v>
                </c:pt>
                <c:pt idx="76">
                  <c:v>-8333.6153532940898</c:v>
                </c:pt>
                <c:pt idx="77">
                  <c:v>-8294.9226872339095</c:v>
                </c:pt>
                <c:pt idx="78">
                  <c:v>-8224.0823000909295</c:v>
                </c:pt>
                <c:pt idx="79">
                  <c:v>-8183.4878614913896</c:v>
                </c:pt>
                <c:pt idx="80">
                  <c:v>-8026.3030529616099</c:v>
                </c:pt>
                <c:pt idx="81">
                  <c:v>-7996.5622771569797</c:v>
                </c:pt>
                <c:pt idx="82">
                  <c:v>-7983.7232725036401</c:v>
                </c:pt>
                <c:pt idx="83">
                  <c:v>-7880.9097001626797</c:v>
                </c:pt>
                <c:pt idx="84">
                  <c:v>-7854.4791910070899</c:v>
                </c:pt>
                <c:pt idx="85">
                  <c:v>-7804.4670845975998</c:v>
                </c:pt>
                <c:pt idx="86">
                  <c:v>-7776.0458192313699</c:v>
                </c:pt>
                <c:pt idx="87">
                  <c:v>-7717.9759004014004</c:v>
                </c:pt>
                <c:pt idx="88">
                  <c:v>-7721.1937032917003</c:v>
                </c:pt>
                <c:pt idx="89">
                  <c:v>-7586.6957439594898</c:v>
                </c:pt>
                <c:pt idx="90">
                  <c:v>-7651.8098030434903</c:v>
                </c:pt>
                <c:pt idx="91">
                  <c:v>-7569.32949564913</c:v>
                </c:pt>
                <c:pt idx="92">
                  <c:v>-7572.5146934669801</c:v>
                </c:pt>
                <c:pt idx="93">
                  <c:v>-7394.3428876492799</c:v>
                </c:pt>
                <c:pt idx="94">
                  <c:v>-7501.3579064475898</c:v>
                </c:pt>
                <c:pt idx="95">
                  <c:v>-7445.7687391213303</c:v>
                </c:pt>
                <c:pt idx="96">
                  <c:v>-7425.7022526259798</c:v>
                </c:pt>
                <c:pt idx="97">
                  <c:v>-7348.4314724229398</c:v>
                </c:pt>
                <c:pt idx="98">
                  <c:v>-7347.6153363203603</c:v>
                </c:pt>
                <c:pt idx="99">
                  <c:v>-7140.6055717534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32BC-4A8B-812B-396244F105D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81911776"/>
        <c:axId val="81916352"/>
      </c:lineChart>
      <c:catAx>
        <c:axId val="81911776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81916352"/>
        <c:crosses val="autoZero"/>
        <c:auto val="1"/>
        <c:lblAlgn val="ctr"/>
        <c:lblOffset val="100"/>
        <c:noMultiLvlLbl val="0"/>
      </c:catAx>
      <c:valAx>
        <c:axId val="819163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8191177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genetic_easy_0_crossover_ox (2)'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'genetic_easy_0_crossover_ox (2)'!$A$2:$A$101</c:f>
              <c:numCache>
                <c:formatCode>General</c:formatCode>
                <c:ptCount val="100"/>
                <c:pt idx="0">
                  <c:v>-27529.059041380799</c:v>
                </c:pt>
                <c:pt idx="1">
                  <c:v>-23094.6014731793</c:v>
                </c:pt>
                <c:pt idx="2">
                  <c:v>-23397.1662982665</c:v>
                </c:pt>
                <c:pt idx="3">
                  <c:v>-23114.256278967201</c:v>
                </c:pt>
                <c:pt idx="4">
                  <c:v>-23397.1662982665</c:v>
                </c:pt>
                <c:pt idx="5">
                  <c:v>-21815.3234654925</c:v>
                </c:pt>
                <c:pt idx="6">
                  <c:v>-22117.968439474</c:v>
                </c:pt>
                <c:pt idx="7">
                  <c:v>-22117.968439474</c:v>
                </c:pt>
                <c:pt idx="8">
                  <c:v>-21998.130858088902</c:v>
                </c:pt>
                <c:pt idx="9">
                  <c:v>-20921.349636463801</c:v>
                </c:pt>
                <c:pt idx="10">
                  <c:v>-20572.180201791201</c:v>
                </c:pt>
                <c:pt idx="11">
                  <c:v>-19517.5273332664</c:v>
                </c:pt>
                <c:pt idx="12">
                  <c:v>-18785.2741347794</c:v>
                </c:pt>
                <c:pt idx="13">
                  <c:v>-18009.228430956598</c:v>
                </c:pt>
                <c:pt idx="14">
                  <c:v>-17235.1454602659</c:v>
                </c:pt>
                <c:pt idx="15">
                  <c:v>-16428.226797485699</c:v>
                </c:pt>
                <c:pt idx="16">
                  <c:v>-16846.326880959899</c:v>
                </c:pt>
                <c:pt idx="17">
                  <c:v>-16083.657967057899</c:v>
                </c:pt>
                <c:pt idx="18">
                  <c:v>-15499.353424993</c:v>
                </c:pt>
                <c:pt idx="19">
                  <c:v>-14646.918511543799</c:v>
                </c:pt>
                <c:pt idx="20">
                  <c:v>-14826.5711133983</c:v>
                </c:pt>
                <c:pt idx="21">
                  <c:v>-14138.6004563889</c:v>
                </c:pt>
                <c:pt idx="22">
                  <c:v>-14179.1857050464</c:v>
                </c:pt>
                <c:pt idx="23">
                  <c:v>-12662.8448417372</c:v>
                </c:pt>
                <c:pt idx="24">
                  <c:v>-12864.8640023322</c:v>
                </c:pt>
                <c:pt idx="25">
                  <c:v>-12002.937684464399</c:v>
                </c:pt>
                <c:pt idx="26">
                  <c:v>-12212.023748265599</c:v>
                </c:pt>
                <c:pt idx="27">
                  <c:v>-12038.785422860699</c:v>
                </c:pt>
                <c:pt idx="28">
                  <c:v>-11540.360917341</c:v>
                </c:pt>
                <c:pt idx="29">
                  <c:v>-11472.9453912792</c:v>
                </c:pt>
                <c:pt idx="30">
                  <c:v>-11257.7624537676</c:v>
                </c:pt>
                <c:pt idx="31">
                  <c:v>-11198.204530909599</c:v>
                </c:pt>
                <c:pt idx="32">
                  <c:v>-11019.0168718927</c:v>
                </c:pt>
                <c:pt idx="33">
                  <c:v>-10813.4307796721</c:v>
                </c:pt>
                <c:pt idx="34">
                  <c:v>-10813.4307796721</c:v>
                </c:pt>
                <c:pt idx="35">
                  <c:v>-10704.5708884984</c:v>
                </c:pt>
                <c:pt idx="36">
                  <c:v>-10348.4370317414</c:v>
                </c:pt>
                <c:pt idx="37">
                  <c:v>-10197.4843844722</c:v>
                </c:pt>
                <c:pt idx="38">
                  <c:v>-10084.3890666731</c:v>
                </c:pt>
                <c:pt idx="39">
                  <c:v>-10036.0015084568</c:v>
                </c:pt>
                <c:pt idx="40">
                  <c:v>-9729.1225179877092</c:v>
                </c:pt>
                <c:pt idx="41">
                  <c:v>-9242.5481122121691</c:v>
                </c:pt>
                <c:pt idx="42">
                  <c:v>-9242.5481122121691</c:v>
                </c:pt>
                <c:pt idx="43">
                  <c:v>-9590.1785154770096</c:v>
                </c:pt>
                <c:pt idx="44">
                  <c:v>-9108.9145276912004</c:v>
                </c:pt>
                <c:pt idx="45">
                  <c:v>-9219.0596614843798</c:v>
                </c:pt>
                <c:pt idx="46">
                  <c:v>-9178.8688590873808</c:v>
                </c:pt>
                <c:pt idx="47">
                  <c:v>-8656.3528089554802</c:v>
                </c:pt>
                <c:pt idx="48">
                  <c:v>-8656.3528089554802</c:v>
                </c:pt>
                <c:pt idx="49">
                  <c:v>-8656.3528089554802</c:v>
                </c:pt>
                <c:pt idx="50">
                  <c:v>-8488.7533796099106</c:v>
                </c:pt>
                <c:pt idx="51">
                  <c:v>-8449.7652183806204</c:v>
                </c:pt>
                <c:pt idx="52">
                  <c:v>-8222.6691224787701</c:v>
                </c:pt>
                <c:pt idx="53">
                  <c:v>-8222.6691224787701</c:v>
                </c:pt>
                <c:pt idx="54">
                  <c:v>-7923.4827818848098</c:v>
                </c:pt>
                <c:pt idx="55">
                  <c:v>-7750.3942803302098</c:v>
                </c:pt>
                <c:pt idx="56">
                  <c:v>-7636.2725825081498</c:v>
                </c:pt>
                <c:pt idx="57">
                  <c:v>-7500.4858450307302</c:v>
                </c:pt>
                <c:pt idx="58">
                  <c:v>-7166.5727267387301</c:v>
                </c:pt>
                <c:pt idx="59">
                  <c:v>-7143.5339459534198</c:v>
                </c:pt>
                <c:pt idx="60">
                  <c:v>-6892.7427513184402</c:v>
                </c:pt>
                <c:pt idx="61">
                  <c:v>-6894.3905501304298</c:v>
                </c:pt>
                <c:pt idx="62">
                  <c:v>-6802.7609645399498</c:v>
                </c:pt>
                <c:pt idx="63">
                  <c:v>-6782.9509282011304</c:v>
                </c:pt>
                <c:pt idx="64">
                  <c:v>-6601.8197642346704</c:v>
                </c:pt>
                <c:pt idx="65">
                  <c:v>-6600.4883116545998</c:v>
                </c:pt>
                <c:pt idx="66">
                  <c:v>-6560.4861105229802</c:v>
                </c:pt>
                <c:pt idx="67">
                  <c:v>-6411.1465622891801</c:v>
                </c:pt>
                <c:pt idx="68">
                  <c:v>-6377.2130495181</c:v>
                </c:pt>
                <c:pt idx="69">
                  <c:v>-6328.6432109943798</c:v>
                </c:pt>
                <c:pt idx="70">
                  <c:v>-6292.2523115235499</c:v>
                </c:pt>
                <c:pt idx="71">
                  <c:v>-6191.7601513700502</c:v>
                </c:pt>
                <c:pt idx="72">
                  <c:v>-6191.7601513700502</c:v>
                </c:pt>
                <c:pt idx="73">
                  <c:v>-6137.7366821133801</c:v>
                </c:pt>
                <c:pt idx="74">
                  <c:v>-6086.6486655441204</c:v>
                </c:pt>
                <c:pt idx="75">
                  <c:v>-6069.8389885276802</c:v>
                </c:pt>
                <c:pt idx="76">
                  <c:v>-5725.6004825168302</c:v>
                </c:pt>
                <c:pt idx="77">
                  <c:v>-5752.7139060579902</c:v>
                </c:pt>
                <c:pt idx="78">
                  <c:v>-5665.6181018389598</c:v>
                </c:pt>
                <c:pt idx="79">
                  <c:v>-5665.6181018389598</c:v>
                </c:pt>
                <c:pt idx="80">
                  <c:v>-5635.1598744571102</c:v>
                </c:pt>
                <c:pt idx="81">
                  <c:v>-5577.6673699394396</c:v>
                </c:pt>
                <c:pt idx="82">
                  <c:v>-5554.7249472150697</c:v>
                </c:pt>
                <c:pt idx="83">
                  <c:v>-5453.6601113206798</c:v>
                </c:pt>
                <c:pt idx="84">
                  <c:v>-5453.6601113206798</c:v>
                </c:pt>
                <c:pt idx="85">
                  <c:v>-5411.7960809613296</c:v>
                </c:pt>
                <c:pt idx="86">
                  <c:v>-5411.7960809613296</c:v>
                </c:pt>
                <c:pt idx="87">
                  <c:v>-5255.33837112745</c:v>
                </c:pt>
                <c:pt idx="88">
                  <c:v>-5299.6472756038602</c:v>
                </c:pt>
                <c:pt idx="89">
                  <c:v>-5192.0267315122501</c:v>
                </c:pt>
                <c:pt idx="90">
                  <c:v>-5285.9822340882101</c:v>
                </c:pt>
                <c:pt idx="91">
                  <c:v>-5192.0267315122501</c:v>
                </c:pt>
                <c:pt idx="92">
                  <c:v>-4815.1022076285199</c:v>
                </c:pt>
                <c:pt idx="93">
                  <c:v>-4815.1022076285199</c:v>
                </c:pt>
                <c:pt idx="94">
                  <c:v>-4792.8388882302797</c:v>
                </c:pt>
                <c:pt idx="95">
                  <c:v>-4815.1022076285199</c:v>
                </c:pt>
                <c:pt idx="96">
                  <c:v>-4644.36322010198</c:v>
                </c:pt>
                <c:pt idx="97">
                  <c:v>-4704.1319904759403</c:v>
                </c:pt>
                <c:pt idx="98">
                  <c:v>-4697.10571085223</c:v>
                </c:pt>
                <c:pt idx="99">
                  <c:v>-4674.84239145398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4178-4A95-B9FD-04DB3AFBBD6D}"/>
            </c:ext>
          </c:extLst>
        </c:ser>
        <c:ser>
          <c:idx val="1"/>
          <c:order val="1"/>
          <c:tx>
            <c:strRef>
              <c:f>'genetic_easy_0_crossover_ox (2)'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'genetic_easy_0_crossover_ox (2)'!$B$2:$B$101</c:f>
              <c:numCache>
                <c:formatCode>General</c:formatCode>
                <c:ptCount val="100"/>
                <c:pt idx="0">
                  <c:v>-92290.447895594203</c:v>
                </c:pt>
                <c:pt idx="1">
                  <c:v>-77862.747816831994</c:v>
                </c:pt>
                <c:pt idx="2">
                  <c:v>-78101.870294552806</c:v>
                </c:pt>
                <c:pt idx="3">
                  <c:v>-78608.980294998706</c:v>
                </c:pt>
                <c:pt idx="4">
                  <c:v>-74465.330169534704</c:v>
                </c:pt>
                <c:pt idx="5">
                  <c:v>-75506.218011286197</c:v>
                </c:pt>
                <c:pt idx="6">
                  <c:v>-73783.332181686201</c:v>
                </c:pt>
                <c:pt idx="7">
                  <c:v>-74199.843869332297</c:v>
                </c:pt>
                <c:pt idx="8">
                  <c:v>-75900.8248897499</c:v>
                </c:pt>
                <c:pt idx="9">
                  <c:v>-69074.763461864903</c:v>
                </c:pt>
                <c:pt idx="10">
                  <c:v>-75600.554475510799</c:v>
                </c:pt>
                <c:pt idx="11">
                  <c:v>-67022.872725126101</c:v>
                </c:pt>
                <c:pt idx="12">
                  <c:v>-67587.8184428573</c:v>
                </c:pt>
                <c:pt idx="13">
                  <c:v>-67550.796793016503</c:v>
                </c:pt>
                <c:pt idx="14">
                  <c:v>-64787.816582650303</c:v>
                </c:pt>
                <c:pt idx="15">
                  <c:v>-58459.056075661902</c:v>
                </c:pt>
                <c:pt idx="16">
                  <c:v>-61385.075756257102</c:v>
                </c:pt>
                <c:pt idx="17">
                  <c:v>-59240.004202184798</c:v>
                </c:pt>
                <c:pt idx="18">
                  <c:v>-59140.385676809601</c:v>
                </c:pt>
                <c:pt idx="19">
                  <c:v>-50042.765036588797</c:v>
                </c:pt>
                <c:pt idx="20">
                  <c:v>-53697.393478459999</c:v>
                </c:pt>
                <c:pt idx="21">
                  <c:v>-51855.185041798999</c:v>
                </c:pt>
                <c:pt idx="22">
                  <c:v>-55034.796930595898</c:v>
                </c:pt>
                <c:pt idx="23">
                  <c:v>-49341.929165524198</c:v>
                </c:pt>
                <c:pt idx="24">
                  <c:v>-52145.734754306599</c:v>
                </c:pt>
                <c:pt idx="25">
                  <c:v>-47476.381423164399</c:v>
                </c:pt>
                <c:pt idx="26">
                  <c:v>-54795.150507030703</c:v>
                </c:pt>
                <c:pt idx="27">
                  <c:v>-43017.082320861598</c:v>
                </c:pt>
                <c:pt idx="28">
                  <c:v>-50037.833451432598</c:v>
                </c:pt>
                <c:pt idx="29">
                  <c:v>-55519.244535879399</c:v>
                </c:pt>
                <c:pt idx="30">
                  <c:v>-48550.485106175103</c:v>
                </c:pt>
                <c:pt idx="31">
                  <c:v>-46141.7236703495</c:v>
                </c:pt>
                <c:pt idx="32">
                  <c:v>-41699.470613159399</c:v>
                </c:pt>
                <c:pt idx="33">
                  <c:v>-44724.881640878499</c:v>
                </c:pt>
                <c:pt idx="34">
                  <c:v>-41725.156582739502</c:v>
                </c:pt>
                <c:pt idx="35">
                  <c:v>-51331.234529996298</c:v>
                </c:pt>
                <c:pt idx="36">
                  <c:v>-41326.734503420601</c:v>
                </c:pt>
                <c:pt idx="37">
                  <c:v>-43436.8808633105</c:v>
                </c:pt>
                <c:pt idx="38">
                  <c:v>-47365.175075983803</c:v>
                </c:pt>
                <c:pt idx="39">
                  <c:v>-42280.486163486799</c:v>
                </c:pt>
                <c:pt idx="40">
                  <c:v>-48175.340508332301</c:v>
                </c:pt>
                <c:pt idx="41">
                  <c:v>-41899.634317954398</c:v>
                </c:pt>
                <c:pt idx="42">
                  <c:v>-44107.172023795603</c:v>
                </c:pt>
                <c:pt idx="43">
                  <c:v>-39557.592491539697</c:v>
                </c:pt>
                <c:pt idx="44">
                  <c:v>-40074.848801580003</c:v>
                </c:pt>
                <c:pt idx="45">
                  <c:v>-38060.413913906697</c:v>
                </c:pt>
                <c:pt idx="46">
                  <c:v>-34491.535936390697</c:v>
                </c:pt>
                <c:pt idx="47">
                  <c:v>-40991.711946056501</c:v>
                </c:pt>
                <c:pt idx="48">
                  <c:v>-39624.761209692697</c:v>
                </c:pt>
                <c:pt idx="49">
                  <c:v>-43769.035675304804</c:v>
                </c:pt>
                <c:pt idx="50">
                  <c:v>-47919.842190216797</c:v>
                </c:pt>
                <c:pt idx="51">
                  <c:v>-37312.5803244739</c:v>
                </c:pt>
                <c:pt idx="52">
                  <c:v>-41665.768850975801</c:v>
                </c:pt>
                <c:pt idx="53">
                  <c:v>-36136.565487270796</c:v>
                </c:pt>
                <c:pt idx="54">
                  <c:v>-40135.935772250297</c:v>
                </c:pt>
                <c:pt idx="55">
                  <c:v>-34852.760023408402</c:v>
                </c:pt>
                <c:pt idx="56">
                  <c:v>-31827.4767735688</c:v>
                </c:pt>
                <c:pt idx="57">
                  <c:v>-40895.253356595102</c:v>
                </c:pt>
                <c:pt idx="58">
                  <c:v>-45507.9351742047</c:v>
                </c:pt>
                <c:pt idx="59">
                  <c:v>-31152.833248003601</c:v>
                </c:pt>
                <c:pt idx="60">
                  <c:v>-37506.391447564602</c:v>
                </c:pt>
                <c:pt idx="61">
                  <c:v>-32472.7723618399</c:v>
                </c:pt>
                <c:pt idx="62">
                  <c:v>-31112.004560745601</c:v>
                </c:pt>
                <c:pt idx="63">
                  <c:v>-38687.060574647003</c:v>
                </c:pt>
                <c:pt idx="64">
                  <c:v>-39105.456120175098</c:v>
                </c:pt>
                <c:pt idx="65">
                  <c:v>-36851.596280983198</c:v>
                </c:pt>
                <c:pt idx="66">
                  <c:v>-32823.784523773902</c:v>
                </c:pt>
                <c:pt idx="67">
                  <c:v>-31795.647128654</c:v>
                </c:pt>
                <c:pt idx="68">
                  <c:v>-29596.263903753799</c:v>
                </c:pt>
                <c:pt idx="69">
                  <c:v>-36002.138442256401</c:v>
                </c:pt>
                <c:pt idx="70">
                  <c:v>-28152.2402532876</c:v>
                </c:pt>
                <c:pt idx="71">
                  <c:v>-28308.763788303699</c:v>
                </c:pt>
                <c:pt idx="72">
                  <c:v>-35442.734088390898</c:v>
                </c:pt>
                <c:pt idx="73">
                  <c:v>-35185.647122665003</c:v>
                </c:pt>
                <c:pt idx="74">
                  <c:v>-27724.182733686699</c:v>
                </c:pt>
                <c:pt idx="75">
                  <c:v>-29692.582585325701</c:v>
                </c:pt>
                <c:pt idx="76">
                  <c:v>-31371.565890452799</c:v>
                </c:pt>
                <c:pt idx="77">
                  <c:v>-31311.2361989948</c:v>
                </c:pt>
                <c:pt idx="78">
                  <c:v>-34195.9813551107</c:v>
                </c:pt>
                <c:pt idx="79">
                  <c:v>-27240.5811853093</c:v>
                </c:pt>
                <c:pt idx="80">
                  <c:v>-30479.902637348499</c:v>
                </c:pt>
                <c:pt idx="81">
                  <c:v>-27628.0597822528</c:v>
                </c:pt>
                <c:pt idx="82">
                  <c:v>-31514.1890453253</c:v>
                </c:pt>
                <c:pt idx="83">
                  <c:v>-29101.790692830298</c:v>
                </c:pt>
                <c:pt idx="84">
                  <c:v>-40190.5217290168</c:v>
                </c:pt>
                <c:pt idx="85">
                  <c:v>-31718.996505436098</c:v>
                </c:pt>
                <c:pt idx="86">
                  <c:v>-44683.246273614801</c:v>
                </c:pt>
                <c:pt idx="87">
                  <c:v>-29202.343738375701</c:v>
                </c:pt>
                <c:pt idx="88">
                  <c:v>-26141.805464450499</c:v>
                </c:pt>
                <c:pt idx="89">
                  <c:v>-28975.346084655401</c:v>
                </c:pt>
                <c:pt idx="90">
                  <c:v>-28063.9153317618</c:v>
                </c:pt>
                <c:pt idx="91">
                  <c:v>-29025.187086687602</c:v>
                </c:pt>
                <c:pt idx="92">
                  <c:v>-29210.436857912398</c:v>
                </c:pt>
                <c:pt idx="93">
                  <c:v>-27294.379309338899</c:v>
                </c:pt>
                <c:pt idx="94">
                  <c:v>-26571.682668227801</c:v>
                </c:pt>
                <c:pt idx="95">
                  <c:v>-26600.751600555799</c:v>
                </c:pt>
                <c:pt idx="96">
                  <c:v>-24943.585686474002</c:v>
                </c:pt>
                <c:pt idx="97">
                  <c:v>-25970.898988229201</c:v>
                </c:pt>
                <c:pt idx="98">
                  <c:v>-27026.2974029693</c:v>
                </c:pt>
                <c:pt idx="99">
                  <c:v>-28961.4002323200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178-4A95-B9FD-04DB3AFBBD6D}"/>
            </c:ext>
          </c:extLst>
        </c:ser>
        <c:ser>
          <c:idx val="2"/>
          <c:order val="2"/>
          <c:tx>
            <c:strRef>
              <c:f>'genetic_easy_0_crossover_ox (2)'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'genetic_easy_0_crossover_ox (2)'!$C$2:$C$101</c:f>
              <c:numCache>
                <c:formatCode>General</c:formatCode>
                <c:ptCount val="100"/>
                <c:pt idx="0">
                  <c:v>-30393.0880492506</c:v>
                </c:pt>
                <c:pt idx="1">
                  <c:v>-24674.334424510402</c:v>
                </c:pt>
                <c:pt idx="2">
                  <c:v>-24408.470765780301</c:v>
                </c:pt>
                <c:pt idx="3">
                  <c:v>-24419.342201429299</c:v>
                </c:pt>
                <c:pt idx="4">
                  <c:v>-24060.874975109102</c:v>
                </c:pt>
                <c:pt idx="5">
                  <c:v>-23832.393562671699</c:v>
                </c:pt>
                <c:pt idx="6">
                  <c:v>-23152.667488880801</c:v>
                </c:pt>
                <c:pt idx="7">
                  <c:v>-22863.8742579184</c:v>
                </c:pt>
                <c:pt idx="8">
                  <c:v>-22463.826810655399</c:v>
                </c:pt>
                <c:pt idx="9">
                  <c:v>-21932.7383385059</c:v>
                </c:pt>
                <c:pt idx="10">
                  <c:v>-21504.265057961798</c:v>
                </c:pt>
                <c:pt idx="11">
                  <c:v>-21007.285540930399</c:v>
                </c:pt>
                <c:pt idx="12">
                  <c:v>-19983.3228538209</c:v>
                </c:pt>
                <c:pt idx="13">
                  <c:v>-19487.549400759199</c:v>
                </c:pt>
                <c:pt idx="14">
                  <c:v>-18553.6539688792</c:v>
                </c:pt>
                <c:pt idx="15">
                  <c:v>-18143.114971955401</c:v>
                </c:pt>
                <c:pt idx="16">
                  <c:v>-17676.090829192301</c:v>
                </c:pt>
                <c:pt idx="17">
                  <c:v>-17255.322821030699</c:v>
                </c:pt>
                <c:pt idx="18">
                  <c:v>-16658.829862998398</c:v>
                </c:pt>
                <c:pt idx="19">
                  <c:v>-16343.522652354201</c:v>
                </c:pt>
                <c:pt idx="20">
                  <c:v>-15913.400921700701</c:v>
                </c:pt>
                <c:pt idx="21">
                  <c:v>-15388.4394804598</c:v>
                </c:pt>
                <c:pt idx="22">
                  <c:v>-15034.1653758926</c:v>
                </c:pt>
                <c:pt idx="23">
                  <c:v>-14539.7641878258</c:v>
                </c:pt>
                <c:pt idx="24">
                  <c:v>-14324.710056609099</c:v>
                </c:pt>
                <c:pt idx="25">
                  <c:v>-13978.106150880199</c:v>
                </c:pt>
                <c:pt idx="26">
                  <c:v>-13581.3526694556</c:v>
                </c:pt>
                <c:pt idx="27">
                  <c:v>-13283.2145369802</c:v>
                </c:pt>
                <c:pt idx="28">
                  <c:v>-12720.771032389401</c:v>
                </c:pt>
                <c:pt idx="29">
                  <c:v>-12556.1808348864</c:v>
                </c:pt>
                <c:pt idx="30">
                  <c:v>-12253.7413118812</c:v>
                </c:pt>
                <c:pt idx="31">
                  <c:v>-12145.9210492003</c:v>
                </c:pt>
                <c:pt idx="32">
                  <c:v>-11935.200215196701</c:v>
                </c:pt>
                <c:pt idx="33">
                  <c:v>-11792.459499479701</c:v>
                </c:pt>
                <c:pt idx="34">
                  <c:v>-11541.4055537367</c:v>
                </c:pt>
                <c:pt idx="35">
                  <c:v>-11406.516220788701</c:v>
                </c:pt>
                <c:pt idx="36">
                  <c:v>-11165.9634386422</c:v>
                </c:pt>
                <c:pt idx="37">
                  <c:v>-10935.0416482213</c:v>
                </c:pt>
                <c:pt idx="38">
                  <c:v>-10821.7683317178</c:v>
                </c:pt>
                <c:pt idx="39">
                  <c:v>-10734.7476237676</c:v>
                </c:pt>
                <c:pt idx="40">
                  <c:v>-10392.854864388</c:v>
                </c:pt>
                <c:pt idx="41">
                  <c:v>-10318.664622127901</c:v>
                </c:pt>
                <c:pt idx="42">
                  <c:v>-10065.8802864789</c:v>
                </c:pt>
                <c:pt idx="43">
                  <c:v>-10091.931749400501</c:v>
                </c:pt>
                <c:pt idx="44">
                  <c:v>-9848.8678675800293</c:v>
                </c:pt>
                <c:pt idx="45">
                  <c:v>-9727.6871667153391</c:v>
                </c:pt>
                <c:pt idx="46">
                  <c:v>-9614.9290637040503</c:v>
                </c:pt>
                <c:pt idx="47">
                  <c:v>-9333.6183319429692</c:v>
                </c:pt>
                <c:pt idx="48">
                  <c:v>-9355.9248410010405</c:v>
                </c:pt>
                <c:pt idx="49">
                  <c:v>-9137.1538465396297</c:v>
                </c:pt>
                <c:pt idx="50">
                  <c:v>-9108.0677507376095</c:v>
                </c:pt>
                <c:pt idx="51">
                  <c:v>-9023.5951647129896</c:v>
                </c:pt>
                <c:pt idx="52">
                  <c:v>-8855.8338170187908</c:v>
                </c:pt>
                <c:pt idx="53">
                  <c:v>-8777.3670504005204</c:v>
                </c:pt>
                <c:pt idx="54">
                  <c:v>-8699.9200014076996</c:v>
                </c:pt>
                <c:pt idx="55">
                  <c:v>-8583.4739701939798</c:v>
                </c:pt>
                <c:pt idx="56">
                  <c:v>-8462.9991136615208</c:v>
                </c:pt>
                <c:pt idx="57">
                  <c:v>-8394.2762193583494</c:v>
                </c:pt>
                <c:pt idx="58">
                  <c:v>-8222.1388198577006</c:v>
                </c:pt>
                <c:pt idx="59">
                  <c:v>-8108.2172442786195</c:v>
                </c:pt>
                <c:pt idx="60">
                  <c:v>-7974.8674900289898</c:v>
                </c:pt>
                <c:pt idx="61">
                  <c:v>-7893.1216585555203</c:v>
                </c:pt>
                <c:pt idx="62">
                  <c:v>-7778.1664931364503</c:v>
                </c:pt>
                <c:pt idx="63">
                  <c:v>-7704.9655739683103</c:v>
                </c:pt>
                <c:pt idx="64">
                  <c:v>-7569.4976368750004</c:v>
                </c:pt>
                <c:pt idx="65">
                  <c:v>-7516.9398526301002</c:v>
                </c:pt>
                <c:pt idx="66">
                  <c:v>-7417.43281606852</c:v>
                </c:pt>
                <c:pt idx="67">
                  <c:v>-7310.1776110209303</c:v>
                </c:pt>
                <c:pt idx="68">
                  <c:v>-7220.1418887282298</c:v>
                </c:pt>
                <c:pt idx="69">
                  <c:v>-7114.5871424560401</c:v>
                </c:pt>
                <c:pt idx="70">
                  <c:v>-7088.23466743073</c:v>
                </c:pt>
                <c:pt idx="71">
                  <c:v>-6971.6814737947698</c:v>
                </c:pt>
                <c:pt idx="72">
                  <c:v>-6865.9172180980004</c:v>
                </c:pt>
                <c:pt idx="73">
                  <c:v>-6832.2063817022599</c:v>
                </c:pt>
                <c:pt idx="74">
                  <c:v>-6701.0087642543003</c:v>
                </c:pt>
                <c:pt idx="75">
                  <c:v>-6652.2119002482004</c:v>
                </c:pt>
                <c:pt idx="76">
                  <c:v>-6528.2492487945601</c:v>
                </c:pt>
                <c:pt idx="77">
                  <c:v>-6467.5418881230498</c:v>
                </c:pt>
                <c:pt idx="78">
                  <c:v>-6404.6156261747501</c:v>
                </c:pt>
                <c:pt idx="79">
                  <c:v>-6339.6754669104903</c:v>
                </c:pt>
                <c:pt idx="80">
                  <c:v>-6311.8244693096503</c:v>
                </c:pt>
                <c:pt idx="81">
                  <c:v>-6249.8058859731</c:v>
                </c:pt>
                <c:pt idx="82">
                  <c:v>-6228.5728042082501</c:v>
                </c:pt>
                <c:pt idx="83">
                  <c:v>-6156.7189482037102</c:v>
                </c:pt>
                <c:pt idx="84">
                  <c:v>-6058.9956018943103</c:v>
                </c:pt>
                <c:pt idx="85">
                  <c:v>-6018.1919554128199</c:v>
                </c:pt>
                <c:pt idx="86">
                  <c:v>-5972.3568575565096</c:v>
                </c:pt>
                <c:pt idx="87">
                  <c:v>-5939.6173040257599</c:v>
                </c:pt>
                <c:pt idx="88">
                  <c:v>-5918.2154812775498</c:v>
                </c:pt>
                <c:pt idx="89">
                  <c:v>-5907.1222836675697</c:v>
                </c:pt>
                <c:pt idx="90">
                  <c:v>-5897.0634598250899</c:v>
                </c:pt>
                <c:pt idx="91">
                  <c:v>-5873.4632728807001</c:v>
                </c:pt>
                <c:pt idx="92">
                  <c:v>-5805.0169908349299</c:v>
                </c:pt>
                <c:pt idx="93">
                  <c:v>-5776.8955972787899</c:v>
                </c:pt>
                <c:pt idx="94">
                  <c:v>-5774.09297834676</c:v>
                </c:pt>
                <c:pt idx="95">
                  <c:v>-5763.3889273883997</c:v>
                </c:pt>
                <c:pt idx="96">
                  <c:v>-5724.9040182520703</c:v>
                </c:pt>
                <c:pt idx="97">
                  <c:v>-5676.6319270595995</c:v>
                </c:pt>
                <c:pt idx="98">
                  <c:v>-5673.8910769250897</c:v>
                </c:pt>
                <c:pt idx="99">
                  <c:v>-5648.143377434370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178-4A95-B9FD-04DB3AFBBD6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5712976"/>
        <c:axId val="75699664"/>
      </c:lineChart>
      <c:catAx>
        <c:axId val="75712976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75699664"/>
        <c:crosses val="autoZero"/>
        <c:auto val="1"/>
        <c:lblAlgn val="ctr"/>
        <c:lblOffset val="100"/>
        <c:noMultiLvlLbl val="0"/>
      </c:catAx>
      <c:valAx>
        <c:axId val="756996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7571297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easy_0_crossover_pmx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pmx!$A$2:$A$101</c:f>
              <c:numCache>
                <c:formatCode>General</c:formatCode>
                <c:ptCount val="100"/>
                <c:pt idx="0">
                  <c:v>-28218.8279636152</c:v>
                </c:pt>
                <c:pt idx="1">
                  <c:v>-22810.477427023499</c:v>
                </c:pt>
                <c:pt idx="2">
                  <c:v>-22800.230017071201</c:v>
                </c:pt>
                <c:pt idx="3">
                  <c:v>-23113.287580220898</c:v>
                </c:pt>
                <c:pt idx="4">
                  <c:v>-23113.287580220898</c:v>
                </c:pt>
                <c:pt idx="5">
                  <c:v>-22740.263150265899</c:v>
                </c:pt>
                <c:pt idx="6">
                  <c:v>-23042.738601745801</c:v>
                </c:pt>
                <c:pt idx="7">
                  <c:v>-22715.456282947202</c:v>
                </c:pt>
                <c:pt idx="8">
                  <c:v>-20783.902647944102</c:v>
                </c:pt>
                <c:pt idx="9">
                  <c:v>-21086.806501600298</c:v>
                </c:pt>
                <c:pt idx="10">
                  <c:v>-21438.637208197801</c:v>
                </c:pt>
                <c:pt idx="11">
                  <c:v>-20439.159552391298</c:v>
                </c:pt>
                <c:pt idx="12">
                  <c:v>-21058.116185712399</c:v>
                </c:pt>
                <c:pt idx="13">
                  <c:v>-21058.116185712399</c:v>
                </c:pt>
                <c:pt idx="14">
                  <c:v>-20620.5348436227</c:v>
                </c:pt>
                <c:pt idx="15">
                  <c:v>-20201.583577511399</c:v>
                </c:pt>
                <c:pt idx="16">
                  <c:v>-20172.2202814464</c:v>
                </c:pt>
                <c:pt idx="17">
                  <c:v>-18615.346174495699</c:v>
                </c:pt>
                <c:pt idx="18">
                  <c:v>-18366.862002873298</c:v>
                </c:pt>
                <c:pt idx="19">
                  <c:v>-17714.807162049801</c:v>
                </c:pt>
                <c:pt idx="20">
                  <c:v>-17588.5882688772</c:v>
                </c:pt>
                <c:pt idx="21">
                  <c:v>-16539.1302845229</c:v>
                </c:pt>
                <c:pt idx="22">
                  <c:v>-16390.2598106367</c:v>
                </c:pt>
                <c:pt idx="23">
                  <c:v>-15361.7082590424</c:v>
                </c:pt>
                <c:pt idx="24">
                  <c:v>-15248.68388301</c:v>
                </c:pt>
                <c:pt idx="25">
                  <c:v>-14864.834249662499</c:v>
                </c:pt>
                <c:pt idx="26">
                  <c:v>-14651.3982815205</c:v>
                </c:pt>
                <c:pt idx="27">
                  <c:v>-14287.439464486501</c:v>
                </c:pt>
                <c:pt idx="28">
                  <c:v>-14049.4402049132</c:v>
                </c:pt>
                <c:pt idx="29">
                  <c:v>-13876.625317840701</c:v>
                </c:pt>
                <c:pt idx="30">
                  <c:v>-13763.8033062369</c:v>
                </c:pt>
                <c:pt idx="31">
                  <c:v>-12838.2126454064</c:v>
                </c:pt>
                <c:pt idx="32">
                  <c:v>-13392.835913606699</c:v>
                </c:pt>
                <c:pt idx="33">
                  <c:v>-12773.0534571099</c:v>
                </c:pt>
                <c:pt idx="34">
                  <c:v>-12593.3207885786</c:v>
                </c:pt>
                <c:pt idx="35">
                  <c:v>-12176.7277081211</c:v>
                </c:pt>
                <c:pt idx="36">
                  <c:v>-11004.8434034169</c:v>
                </c:pt>
                <c:pt idx="37">
                  <c:v>-11974.7445394309</c:v>
                </c:pt>
                <c:pt idx="38">
                  <c:v>-11891.429645947601</c:v>
                </c:pt>
                <c:pt idx="39">
                  <c:v>-11827.4782338697</c:v>
                </c:pt>
                <c:pt idx="40">
                  <c:v>-11824.677297115</c:v>
                </c:pt>
                <c:pt idx="41">
                  <c:v>-11689.983461538701</c:v>
                </c:pt>
                <c:pt idx="42">
                  <c:v>-10922.4581227823</c:v>
                </c:pt>
                <c:pt idx="43">
                  <c:v>-11132.665335121401</c:v>
                </c:pt>
                <c:pt idx="44">
                  <c:v>-10853.2744439333</c:v>
                </c:pt>
                <c:pt idx="45">
                  <c:v>-10731.4999295667</c:v>
                </c:pt>
                <c:pt idx="46">
                  <c:v>-11124.2400068596</c:v>
                </c:pt>
                <c:pt idx="47">
                  <c:v>-10969.994300568</c:v>
                </c:pt>
                <c:pt idx="48">
                  <c:v>-10785.9347285</c:v>
                </c:pt>
                <c:pt idx="49">
                  <c:v>-10388.9645317756</c:v>
                </c:pt>
                <c:pt idx="50">
                  <c:v>-10578.9055589046</c:v>
                </c:pt>
                <c:pt idx="51">
                  <c:v>-10278.5955122511</c:v>
                </c:pt>
                <c:pt idx="52">
                  <c:v>-10226.204904099999</c:v>
                </c:pt>
                <c:pt idx="53">
                  <c:v>-10029.039060294701</c:v>
                </c:pt>
                <c:pt idx="54">
                  <c:v>-9958.7122378507502</c:v>
                </c:pt>
                <c:pt idx="55">
                  <c:v>-9853.8690012158695</c:v>
                </c:pt>
                <c:pt idx="56">
                  <c:v>-9758.9235703932209</c:v>
                </c:pt>
                <c:pt idx="57">
                  <c:v>-9743.5816781950398</c:v>
                </c:pt>
                <c:pt idx="58">
                  <c:v>-9582.7668786195409</c:v>
                </c:pt>
                <c:pt idx="59">
                  <c:v>-9316.0324299516196</c:v>
                </c:pt>
                <c:pt idx="60">
                  <c:v>-9236.1470957210604</c:v>
                </c:pt>
                <c:pt idx="61">
                  <c:v>-9236.1470957210604</c:v>
                </c:pt>
                <c:pt idx="62">
                  <c:v>-9173.3565861159204</c:v>
                </c:pt>
                <c:pt idx="63">
                  <c:v>-9072.8555379401696</c:v>
                </c:pt>
                <c:pt idx="64">
                  <c:v>-8940.4262394523594</c:v>
                </c:pt>
                <c:pt idx="65">
                  <c:v>-8688.2408385767594</c:v>
                </c:pt>
                <c:pt idx="66">
                  <c:v>-8751.2289229511607</c:v>
                </c:pt>
                <c:pt idx="67">
                  <c:v>-8688.2408385767594</c:v>
                </c:pt>
                <c:pt idx="68">
                  <c:v>-8688.2408385767594</c:v>
                </c:pt>
                <c:pt idx="69">
                  <c:v>-8668.6884480519693</c:v>
                </c:pt>
                <c:pt idx="70">
                  <c:v>-8427.8042532463296</c:v>
                </c:pt>
                <c:pt idx="71">
                  <c:v>-8356.2367063668407</c:v>
                </c:pt>
                <c:pt idx="72">
                  <c:v>-8261.1468341786695</c:v>
                </c:pt>
                <c:pt idx="73">
                  <c:v>-8157.0373030970104</c:v>
                </c:pt>
                <c:pt idx="74">
                  <c:v>-8170.6494335589696</c:v>
                </c:pt>
                <c:pt idx="75">
                  <c:v>-8138.5036615997296</c:v>
                </c:pt>
                <c:pt idx="76">
                  <c:v>-7779.4039787097499</c:v>
                </c:pt>
                <c:pt idx="77">
                  <c:v>-7779.4039787097499</c:v>
                </c:pt>
                <c:pt idx="78">
                  <c:v>-7861.2827236257199</c:v>
                </c:pt>
                <c:pt idx="79">
                  <c:v>-7814.7068133372604</c:v>
                </c:pt>
                <c:pt idx="80">
                  <c:v>-7668.4025700945003</c:v>
                </c:pt>
                <c:pt idx="81">
                  <c:v>-7580.2789121121396</c:v>
                </c:pt>
                <c:pt idx="82">
                  <c:v>-7437.3419281935103</c:v>
                </c:pt>
                <c:pt idx="83">
                  <c:v>-7437.3419281935103</c:v>
                </c:pt>
                <c:pt idx="84">
                  <c:v>-7391.43091018615</c:v>
                </c:pt>
                <c:pt idx="85">
                  <c:v>-7368.0402730396499</c:v>
                </c:pt>
                <c:pt idx="86">
                  <c:v>-7368.0402730396499</c:v>
                </c:pt>
                <c:pt idx="87">
                  <c:v>-7313.2752838820597</c:v>
                </c:pt>
                <c:pt idx="88">
                  <c:v>-7313.2752838820597</c:v>
                </c:pt>
                <c:pt idx="89">
                  <c:v>-7296.8441576405703</c:v>
                </c:pt>
                <c:pt idx="90">
                  <c:v>-7121.0976200757596</c:v>
                </c:pt>
                <c:pt idx="91">
                  <c:v>-7121.0976200757596</c:v>
                </c:pt>
                <c:pt idx="92">
                  <c:v>-7121.0976200757596</c:v>
                </c:pt>
                <c:pt idx="93">
                  <c:v>-7121.0976200757596</c:v>
                </c:pt>
                <c:pt idx="94">
                  <c:v>-7099.5351437437103</c:v>
                </c:pt>
                <c:pt idx="95">
                  <c:v>-7071.9047699766097</c:v>
                </c:pt>
                <c:pt idx="96">
                  <c:v>-7071.9047699766097</c:v>
                </c:pt>
                <c:pt idx="97">
                  <c:v>-6916.2258516824304</c:v>
                </c:pt>
                <c:pt idx="98">
                  <c:v>-7029.2539850355897</c:v>
                </c:pt>
                <c:pt idx="99">
                  <c:v>-6926.94755140128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A971-4722-8CC1-A2F4A425FD1F}"/>
            </c:ext>
          </c:extLst>
        </c:ser>
        <c:ser>
          <c:idx val="1"/>
          <c:order val="1"/>
          <c:tx>
            <c:strRef>
              <c:f>genetic_easy_0_crossover_pmx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pmx!$B$2:$B$101</c:f>
              <c:numCache>
                <c:formatCode>General</c:formatCode>
                <c:ptCount val="100"/>
                <c:pt idx="0">
                  <c:v>-83975.286597920596</c:v>
                </c:pt>
                <c:pt idx="1">
                  <c:v>-80977.056006289597</c:v>
                </c:pt>
                <c:pt idx="2">
                  <c:v>-83960.300374521903</c:v>
                </c:pt>
                <c:pt idx="3">
                  <c:v>-79419.969498737104</c:v>
                </c:pt>
                <c:pt idx="4">
                  <c:v>-81457.089278196203</c:v>
                </c:pt>
                <c:pt idx="5">
                  <c:v>-80930.433286792701</c:v>
                </c:pt>
                <c:pt idx="6">
                  <c:v>-79251.503034773807</c:v>
                </c:pt>
                <c:pt idx="7">
                  <c:v>-88986.265625137603</c:v>
                </c:pt>
                <c:pt idx="8">
                  <c:v>-80365.995400539105</c:v>
                </c:pt>
                <c:pt idx="9">
                  <c:v>-77959.162841826896</c:v>
                </c:pt>
                <c:pt idx="10">
                  <c:v>-80369.695167848506</c:v>
                </c:pt>
                <c:pt idx="11">
                  <c:v>-86455.303454788402</c:v>
                </c:pt>
                <c:pt idx="12">
                  <c:v>-82415.686279657195</c:v>
                </c:pt>
                <c:pt idx="13">
                  <c:v>-77349.245340146605</c:v>
                </c:pt>
                <c:pt idx="14">
                  <c:v>-77187.239819570997</c:v>
                </c:pt>
                <c:pt idx="15">
                  <c:v>-79464.722525995196</c:v>
                </c:pt>
                <c:pt idx="16">
                  <c:v>-75932.478087062103</c:v>
                </c:pt>
                <c:pt idx="17">
                  <c:v>-74025.6938556518</c:v>
                </c:pt>
                <c:pt idx="18">
                  <c:v>-72407.362809157494</c:v>
                </c:pt>
                <c:pt idx="19">
                  <c:v>-70997.436498164607</c:v>
                </c:pt>
                <c:pt idx="20">
                  <c:v>-67852.655047205102</c:v>
                </c:pt>
                <c:pt idx="21">
                  <c:v>-78028.530099470401</c:v>
                </c:pt>
                <c:pt idx="22">
                  <c:v>-70113.750922166306</c:v>
                </c:pt>
                <c:pt idx="23">
                  <c:v>-72905.051718609306</c:v>
                </c:pt>
                <c:pt idx="24">
                  <c:v>-72448.153902889899</c:v>
                </c:pt>
                <c:pt idx="25">
                  <c:v>-67706.103350254401</c:v>
                </c:pt>
                <c:pt idx="26">
                  <c:v>-64179.190178857003</c:v>
                </c:pt>
                <c:pt idx="27">
                  <c:v>-84880.491343407499</c:v>
                </c:pt>
                <c:pt idx="28">
                  <c:v>-63767.7659913639</c:v>
                </c:pt>
                <c:pt idx="29">
                  <c:v>-66601.018012103494</c:v>
                </c:pt>
                <c:pt idx="30">
                  <c:v>-71226.734491108306</c:v>
                </c:pt>
                <c:pt idx="31">
                  <c:v>-67163.804260441204</c:v>
                </c:pt>
                <c:pt idx="32">
                  <c:v>-61752.697819298497</c:v>
                </c:pt>
                <c:pt idx="33">
                  <c:v>-68504.006402728599</c:v>
                </c:pt>
                <c:pt idx="34">
                  <c:v>-63810.364996422402</c:v>
                </c:pt>
                <c:pt idx="35">
                  <c:v>-69103.787088453202</c:v>
                </c:pt>
                <c:pt idx="36">
                  <c:v>-65831.431626458405</c:v>
                </c:pt>
                <c:pt idx="37">
                  <c:v>-62381.688512500499</c:v>
                </c:pt>
                <c:pt idx="38">
                  <c:v>-61409.393397196298</c:v>
                </c:pt>
                <c:pt idx="39">
                  <c:v>-65326.886737377601</c:v>
                </c:pt>
                <c:pt idx="40">
                  <c:v>-63647.1948157429</c:v>
                </c:pt>
                <c:pt idx="41">
                  <c:v>-59903.005539331498</c:v>
                </c:pt>
                <c:pt idx="42">
                  <c:v>-55764.198148009098</c:v>
                </c:pt>
                <c:pt idx="43">
                  <c:v>-56693.033590374202</c:v>
                </c:pt>
                <c:pt idx="44">
                  <c:v>-50955.350070102701</c:v>
                </c:pt>
                <c:pt idx="45">
                  <c:v>-64807.444326516299</c:v>
                </c:pt>
                <c:pt idx="46">
                  <c:v>-54479.220341692097</c:v>
                </c:pt>
                <c:pt idx="47">
                  <c:v>-49861.810091191299</c:v>
                </c:pt>
                <c:pt idx="48">
                  <c:v>-57201.504299704698</c:v>
                </c:pt>
                <c:pt idx="49">
                  <c:v>-51182.764205510997</c:v>
                </c:pt>
                <c:pt idx="50">
                  <c:v>-51993.742871192699</c:v>
                </c:pt>
                <c:pt idx="51">
                  <c:v>-51337.208872717703</c:v>
                </c:pt>
                <c:pt idx="52">
                  <c:v>-48921.5535843213</c:v>
                </c:pt>
                <c:pt idx="53">
                  <c:v>-47698.374715345599</c:v>
                </c:pt>
                <c:pt idx="54">
                  <c:v>-45103.860237795801</c:v>
                </c:pt>
                <c:pt idx="55">
                  <c:v>-40981.445102491503</c:v>
                </c:pt>
                <c:pt idx="56">
                  <c:v>-39984.6442226785</c:v>
                </c:pt>
                <c:pt idx="57">
                  <c:v>-39572.167776933296</c:v>
                </c:pt>
                <c:pt idx="58">
                  <c:v>-40237.477598846199</c:v>
                </c:pt>
                <c:pt idx="59">
                  <c:v>-38135.020027649698</c:v>
                </c:pt>
                <c:pt idx="60">
                  <c:v>-41798.926596071702</c:v>
                </c:pt>
                <c:pt idx="61">
                  <c:v>-43235.059543204901</c:v>
                </c:pt>
                <c:pt idx="62">
                  <c:v>-39029.917837878398</c:v>
                </c:pt>
                <c:pt idx="63">
                  <c:v>-52708.866345232302</c:v>
                </c:pt>
                <c:pt idx="64">
                  <c:v>-38698.686291618302</c:v>
                </c:pt>
                <c:pt idx="65">
                  <c:v>-39810.070541927897</c:v>
                </c:pt>
                <c:pt idx="66">
                  <c:v>-37234.182126387597</c:v>
                </c:pt>
                <c:pt idx="67">
                  <c:v>-38851.607640885602</c:v>
                </c:pt>
                <c:pt idx="68">
                  <c:v>-36926.900350861397</c:v>
                </c:pt>
                <c:pt idx="69">
                  <c:v>-39834.515250870601</c:v>
                </c:pt>
                <c:pt idx="70">
                  <c:v>-42291.7449485459</c:v>
                </c:pt>
                <c:pt idx="71">
                  <c:v>-34465.983178802599</c:v>
                </c:pt>
                <c:pt idx="72">
                  <c:v>-35672.051538858701</c:v>
                </c:pt>
                <c:pt idx="73">
                  <c:v>-33932.852607409703</c:v>
                </c:pt>
                <c:pt idx="74">
                  <c:v>-34398.081587964203</c:v>
                </c:pt>
                <c:pt idx="75">
                  <c:v>-36437.354085869898</c:v>
                </c:pt>
                <c:pt idx="76">
                  <c:v>-36062.9865301764</c:v>
                </c:pt>
                <c:pt idx="77">
                  <c:v>-34832.044674336103</c:v>
                </c:pt>
                <c:pt idx="78">
                  <c:v>-32293.3573092974</c:v>
                </c:pt>
                <c:pt idx="79">
                  <c:v>-31390.969475905898</c:v>
                </c:pt>
                <c:pt idx="80">
                  <c:v>-36649.214127180901</c:v>
                </c:pt>
                <c:pt idx="81">
                  <c:v>-36050.795487719697</c:v>
                </c:pt>
                <c:pt idx="82">
                  <c:v>-37428.223498373802</c:v>
                </c:pt>
                <c:pt idx="83">
                  <c:v>-32412.777567939502</c:v>
                </c:pt>
                <c:pt idx="84">
                  <c:v>-42779.330006909302</c:v>
                </c:pt>
                <c:pt idx="85">
                  <c:v>-36430.209443710097</c:v>
                </c:pt>
                <c:pt idx="86">
                  <c:v>-32157.2865993708</c:v>
                </c:pt>
                <c:pt idx="87">
                  <c:v>-33112.8022375582</c:v>
                </c:pt>
                <c:pt idx="88">
                  <c:v>-34589.4544381179</c:v>
                </c:pt>
                <c:pt idx="89">
                  <c:v>-35840.226590810198</c:v>
                </c:pt>
                <c:pt idx="90">
                  <c:v>-32089.413128325199</c:v>
                </c:pt>
                <c:pt idx="91">
                  <c:v>-31470.548844209101</c:v>
                </c:pt>
                <c:pt idx="92">
                  <c:v>-33247.946840196601</c:v>
                </c:pt>
                <c:pt idx="93">
                  <c:v>-33790.153288643603</c:v>
                </c:pt>
                <c:pt idx="94">
                  <c:v>-36043.454044943697</c:v>
                </c:pt>
                <c:pt idx="95">
                  <c:v>-31788.405215682698</c:v>
                </c:pt>
                <c:pt idx="96">
                  <c:v>-33194.310126157099</c:v>
                </c:pt>
                <c:pt idx="97">
                  <c:v>-29277.794494845199</c:v>
                </c:pt>
                <c:pt idx="98">
                  <c:v>-33241.314323397397</c:v>
                </c:pt>
                <c:pt idx="99">
                  <c:v>-30555.21848790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971-4722-8CC1-A2F4A425FD1F}"/>
            </c:ext>
          </c:extLst>
        </c:ser>
        <c:ser>
          <c:idx val="2"/>
          <c:order val="2"/>
          <c:tx>
            <c:strRef>
              <c:f>genetic_easy_0_crossover_pmx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pmx!$C$2:$C$101</c:f>
              <c:numCache>
                <c:formatCode>General</c:formatCode>
                <c:ptCount val="100"/>
                <c:pt idx="0">
                  <c:v>-30616.8843919631</c:v>
                </c:pt>
                <c:pt idx="1">
                  <c:v>-24506.378579718101</c:v>
                </c:pt>
                <c:pt idx="2">
                  <c:v>-24283.753188144099</c:v>
                </c:pt>
                <c:pt idx="3">
                  <c:v>-24520.380090718401</c:v>
                </c:pt>
                <c:pt idx="4">
                  <c:v>-24214.827781151402</c:v>
                </c:pt>
                <c:pt idx="5">
                  <c:v>-23627.828396561501</c:v>
                </c:pt>
                <c:pt idx="6">
                  <c:v>-23525.236851226</c:v>
                </c:pt>
                <c:pt idx="7">
                  <c:v>-23304.5576757698</c:v>
                </c:pt>
                <c:pt idx="8">
                  <c:v>-22812.639004036198</c:v>
                </c:pt>
                <c:pt idx="9">
                  <c:v>-22546.621238212301</c:v>
                </c:pt>
                <c:pt idx="10">
                  <c:v>-22513.7520323235</c:v>
                </c:pt>
                <c:pt idx="11">
                  <c:v>-22044.428832419198</c:v>
                </c:pt>
                <c:pt idx="12">
                  <c:v>-21930.916849096098</c:v>
                </c:pt>
                <c:pt idx="13">
                  <c:v>-21806.2662820529</c:v>
                </c:pt>
                <c:pt idx="14">
                  <c:v>-21634.6370383381</c:v>
                </c:pt>
                <c:pt idx="15">
                  <c:v>-21268.155841271098</c:v>
                </c:pt>
                <c:pt idx="16">
                  <c:v>-21063.906765568299</c:v>
                </c:pt>
                <c:pt idx="17">
                  <c:v>-20890.577380389801</c:v>
                </c:pt>
                <c:pt idx="18">
                  <c:v>-20336.351034046598</c:v>
                </c:pt>
                <c:pt idx="19">
                  <c:v>-20139.745046112701</c:v>
                </c:pt>
                <c:pt idx="20">
                  <c:v>-20007.633872335398</c:v>
                </c:pt>
                <c:pt idx="21">
                  <c:v>-19396.416012830501</c:v>
                </c:pt>
                <c:pt idx="22">
                  <c:v>-19136.6910079103</c:v>
                </c:pt>
                <c:pt idx="23">
                  <c:v>-18881.409712205001</c:v>
                </c:pt>
                <c:pt idx="24">
                  <c:v>-18409.6553769315</c:v>
                </c:pt>
                <c:pt idx="25">
                  <c:v>-18219.345631802498</c:v>
                </c:pt>
                <c:pt idx="26">
                  <c:v>-17776.5299006895</c:v>
                </c:pt>
                <c:pt idx="27">
                  <c:v>-17788.909646808101</c:v>
                </c:pt>
                <c:pt idx="28">
                  <c:v>-17470.7796536897</c:v>
                </c:pt>
                <c:pt idx="29">
                  <c:v>-17250.399323514499</c:v>
                </c:pt>
                <c:pt idx="30">
                  <c:v>-16895.1993757087</c:v>
                </c:pt>
                <c:pt idx="31">
                  <c:v>-16634.844554612901</c:v>
                </c:pt>
                <c:pt idx="32">
                  <c:v>-16414.1167926866</c:v>
                </c:pt>
                <c:pt idx="33">
                  <c:v>-16028.4420595261</c:v>
                </c:pt>
                <c:pt idx="34">
                  <c:v>-15832.862679240399</c:v>
                </c:pt>
                <c:pt idx="35">
                  <c:v>-15572.159673107701</c:v>
                </c:pt>
                <c:pt idx="36">
                  <c:v>-15261.1495532479</c:v>
                </c:pt>
                <c:pt idx="37">
                  <c:v>-14937.0454327355</c:v>
                </c:pt>
                <c:pt idx="38">
                  <c:v>-14875.8688807177</c:v>
                </c:pt>
                <c:pt idx="39">
                  <c:v>-14560.7120238468</c:v>
                </c:pt>
                <c:pt idx="40">
                  <c:v>-14326.629902553999</c:v>
                </c:pt>
                <c:pt idx="41">
                  <c:v>-14005.187221472501</c:v>
                </c:pt>
                <c:pt idx="42">
                  <c:v>-13784.9891479625</c:v>
                </c:pt>
                <c:pt idx="43">
                  <c:v>-13650.520941293</c:v>
                </c:pt>
                <c:pt idx="44">
                  <c:v>-13363.199862642599</c:v>
                </c:pt>
                <c:pt idx="45">
                  <c:v>-13254.095168464801</c:v>
                </c:pt>
                <c:pt idx="46">
                  <c:v>-13121.9281003531</c:v>
                </c:pt>
                <c:pt idx="47">
                  <c:v>-13012.540440315401</c:v>
                </c:pt>
                <c:pt idx="48">
                  <c:v>-12963.950238171299</c:v>
                </c:pt>
                <c:pt idx="49">
                  <c:v>-12674.975101453199</c:v>
                </c:pt>
                <c:pt idx="50">
                  <c:v>-12608.3218577513</c:v>
                </c:pt>
                <c:pt idx="51">
                  <c:v>-12400.687040729101</c:v>
                </c:pt>
                <c:pt idx="52">
                  <c:v>-12268.015888333</c:v>
                </c:pt>
                <c:pt idx="53">
                  <c:v>-11963.0166846744</c:v>
                </c:pt>
                <c:pt idx="54">
                  <c:v>-11769.744420750299</c:v>
                </c:pt>
                <c:pt idx="55">
                  <c:v>-11684.4729658669</c:v>
                </c:pt>
                <c:pt idx="56">
                  <c:v>-11645.0609828908</c:v>
                </c:pt>
                <c:pt idx="57">
                  <c:v>-11548.9689989252</c:v>
                </c:pt>
                <c:pt idx="58">
                  <c:v>-11386.250161489401</c:v>
                </c:pt>
                <c:pt idx="59">
                  <c:v>-11149.0310839391</c:v>
                </c:pt>
                <c:pt idx="60">
                  <c:v>-11107.1387174269</c:v>
                </c:pt>
                <c:pt idx="61">
                  <c:v>-10941.6900435319</c:v>
                </c:pt>
                <c:pt idx="62">
                  <c:v>-10764.902239293</c:v>
                </c:pt>
                <c:pt idx="63">
                  <c:v>-10642.277763215099</c:v>
                </c:pt>
                <c:pt idx="64">
                  <c:v>-10539.483832166999</c:v>
                </c:pt>
                <c:pt idx="65">
                  <c:v>-10311.2617154523</c:v>
                </c:pt>
                <c:pt idx="66">
                  <c:v>-10235.5780121685</c:v>
                </c:pt>
                <c:pt idx="67">
                  <c:v>-10142.557623774301</c:v>
                </c:pt>
                <c:pt idx="68">
                  <c:v>-10056.713020039901</c:v>
                </c:pt>
                <c:pt idx="69">
                  <c:v>-9921.5237227347898</c:v>
                </c:pt>
                <c:pt idx="70">
                  <c:v>-9762.0589146033508</c:v>
                </c:pt>
                <c:pt idx="71">
                  <c:v>-9721.3525632268193</c:v>
                </c:pt>
                <c:pt idx="72">
                  <c:v>-9555.2172434521999</c:v>
                </c:pt>
                <c:pt idx="73">
                  <c:v>-9445.5234261106107</c:v>
                </c:pt>
                <c:pt idx="74">
                  <c:v>-9346.9736733985501</c:v>
                </c:pt>
                <c:pt idx="75">
                  <c:v>-9264.0257117555593</c:v>
                </c:pt>
                <c:pt idx="76">
                  <c:v>-9189.8346804974808</c:v>
                </c:pt>
                <c:pt idx="77">
                  <c:v>-9050.8833926568204</c:v>
                </c:pt>
                <c:pt idx="78">
                  <c:v>-8935.8194050095299</c:v>
                </c:pt>
                <c:pt idx="79">
                  <c:v>-9075.7633563284708</c:v>
                </c:pt>
                <c:pt idx="80">
                  <c:v>-8933.7556986805703</c:v>
                </c:pt>
                <c:pt idx="81">
                  <c:v>-8755.1422931031302</c:v>
                </c:pt>
                <c:pt idx="82">
                  <c:v>-8813.6193034473308</c:v>
                </c:pt>
                <c:pt idx="83">
                  <c:v>-8761.7608438437401</c:v>
                </c:pt>
                <c:pt idx="84">
                  <c:v>-8669.6025747585609</c:v>
                </c:pt>
                <c:pt idx="85">
                  <c:v>-8635.3006904803697</c:v>
                </c:pt>
                <c:pt idx="86">
                  <c:v>-8534.3708951751505</c:v>
                </c:pt>
                <c:pt idx="87">
                  <c:v>-8557.4369829044008</c:v>
                </c:pt>
                <c:pt idx="88">
                  <c:v>-8455.5523865070209</c:v>
                </c:pt>
                <c:pt idx="89">
                  <c:v>-8406.9506136150394</c:v>
                </c:pt>
                <c:pt idx="90">
                  <c:v>-8368.7201460322194</c:v>
                </c:pt>
                <c:pt idx="91">
                  <c:v>-8226.7154427237801</c:v>
                </c:pt>
                <c:pt idx="92">
                  <c:v>-8185.2300205751299</c:v>
                </c:pt>
                <c:pt idx="93">
                  <c:v>-8151.8672352216199</c:v>
                </c:pt>
                <c:pt idx="94">
                  <c:v>-8129.2201953818703</c:v>
                </c:pt>
                <c:pt idx="95">
                  <c:v>-8049.1460701097603</c:v>
                </c:pt>
                <c:pt idx="96">
                  <c:v>-8015.4920250564901</c:v>
                </c:pt>
                <c:pt idx="97">
                  <c:v>-7893.6427870056496</c:v>
                </c:pt>
                <c:pt idx="98">
                  <c:v>-7893.2153495910998</c:v>
                </c:pt>
                <c:pt idx="99">
                  <c:v>-7874.5605237162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A971-4722-8CC1-A2F4A425FD1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33942768"/>
        <c:axId val="33947344"/>
      </c:lineChart>
      <c:catAx>
        <c:axId val="33942768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33947344"/>
        <c:crosses val="autoZero"/>
        <c:auto val="1"/>
        <c:lblAlgn val="ctr"/>
        <c:lblOffset val="100"/>
        <c:noMultiLvlLbl val="0"/>
      </c:catAx>
      <c:valAx>
        <c:axId val="339473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3394276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genetic_easy_0_crossover_pmx_ra!$A$1</c:f>
              <c:strCache>
                <c:ptCount val="1"/>
                <c:pt idx="0">
                  <c:v>Best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pmx_ra!$A$2:$A$101</c:f>
              <c:numCache>
                <c:formatCode>General</c:formatCode>
                <c:ptCount val="100"/>
                <c:pt idx="0">
                  <c:v>-28722.204333932401</c:v>
                </c:pt>
                <c:pt idx="1">
                  <c:v>-22216.952553355201</c:v>
                </c:pt>
                <c:pt idx="2">
                  <c:v>-22519.777831847499</c:v>
                </c:pt>
                <c:pt idx="3">
                  <c:v>-22519.777831847499</c:v>
                </c:pt>
                <c:pt idx="4">
                  <c:v>-20888.003102721999</c:v>
                </c:pt>
                <c:pt idx="5">
                  <c:v>-20035.828599538501</c:v>
                </c:pt>
                <c:pt idx="6">
                  <c:v>-20035.828599538501</c:v>
                </c:pt>
                <c:pt idx="7">
                  <c:v>-20035.828599538501</c:v>
                </c:pt>
                <c:pt idx="8">
                  <c:v>-20035.828599538501</c:v>
                </c:pt>
                <c:pt idx="9">
                  <c:v>-20035.828599538501</c:v>
                </c:pt>
                <c:pt idx="10">
                  <c:v>-20035.828599538501</c:v>
                </c:pt>
                <c:pt idx="11">
                  <c:v>-19711.296655522099</c:v>
                </c:pt>
                <c:pt idx="12">
                  <c:v>-19656.887014358701</c:v>
                </c:pt>
                <c:pt idx="13">
                  <c:v>-19653.2640463098</c:v>
                </c:pt>
                <c:pt idx="14">
                  <c:v>-19656.887014358701</c:v>
                </c:pt>
                <c:pt idx="15">
                  <c:v>-19252.231947995599</c:v>
                </c:pt>
                <c:pt idx="16">
                  <c:v>-18951.1732560807</c:v>
                </c:pt>
                <c:pt idx="17">
                  <c:v>-18951.1732560807</c:v>
                </c:pt>
                <c:pt idx="18">
                  <c:v>-18951.1732560807</c:v>
                </c:pt>
                <c:pt idx="19">
                  <c:v>-18835.064961742399</c:v>
                </c:pt>
                <c:pt idx="20">
                  <c:v>-18648.347977588499</c:v>
                </c:pt>
                <c:pt idx="21">
                  <c:v>-18247.5871501494</c:v>
                </c:pt>
                <c:pt idx="22">
                  <c:v>-17982.9989693223</c:v>
                </c:pt>
                <c:pt idx="23">
                  <c:v>-16966.810360572999</c:v>
                </c:pt>
                <c:pt idx="24">
                  <c:v>-16321.6097760461</c:v>
                </c:pt>
                <c:pt idx="25">
                  <c:v>-16321.6097760461</c:v>
                </c:pt>
                <c:pt idx="26">
                  <c:v>-16242.2641426708</c:v>
                </c:pt>
                <c:pt idx="27">
                  <c:v>-15879.866627694801</c:v>
                </c:pt>
                <c:pt idx="28">
                  <c:v>-15793.651700734799</c:v>
                </c:pt>
                <c:pt idx="29">
                  <c:v>-15653.736825010201</c:v>
                </c:pt>
                <c:pt idx="30">
                  <c:v>-15386.239230673</c:v>
                </c:pt>
                <c:pt idx="31">
                  <c:v>-13837.548521979499</c:v>
                </c:pt>
                <c:pt idx="32">
                  <c:v>-13905.738364476199</c:v>
                </c:pt>
                <c:pt idx="33">
                  <c:v>-14031.8966710409</c:v>
                </c:pt>
                <c:pt idx="34">
                  <c:v>-13691.983387390301</c:v>
                </c:pt>
                <c:pt idx="35">
                  <c:v>-13339.8966300669</c:v>
                </c:pt>
                <c:pt idx="36">
                  <c:v>-12728.4683142472</c:v>
                </c:pt>
                <c:pt idx="37">
                  <c:v>-12167.7342279205</c:v>
                </c:pt>
                <c:pt idx="38">
                  <c:v>-12167.7342279205</c:v>
                </c:pt>
                <c:pt idx="39">
                  <c:v>-12028.466510595201</c:v>
                </c:pt>
                <c:pt idx="40">
                  <c:v>-11635.9539830873</c:v>
                </c:pt>
                <c:pt idx="41">
                  <c:v>-11557.0044781587</c:v>
                </c:pt>
                <c:pt idx="42">
                  <c:v>-11136.513928088199</c:v>
                </c:pt>
                <c:pt idx="43">
                  <c:v>-10819.839792475501</c:v>
                </c:pt>
                <c:pt idx="44">
                  <c:v>-10867.5945954453</c:v>
                </c:pt>
                <c:pt idx="45">
                  <c:v>-10512.4298946873</c:v>
                </c:pt>
                <c:pt idx="46">
                  <c:v>-10166.9358882173</c:v>
                </c:pt>
                <c:pt idx="47">
                  <c:v>-9856.0845570639394</c:v>
                </c:pt>
                <c:pt idx="48">
                  <c:v>-9859.0723272462401</c:v>
                </c:pt>
                <c:pt idx="49">
                  <c:v>-9595.3647492061791</c:v>
                </c:pt>
                <c:pt idx="50">
                  <c:v>-9549.6867111219599</c:v>
                </c:pt>
                <c:pt idx="51">
                  <c:v>-9549.4923164453994</c:v>
                </c:pt>
                <c:pt idx="52">
                  <c:v>-9469.5434689875601</c:v>
                </c:pt>
                <c:pt idx="53">
                  <c:v>-9201.9822973036498</c:v>
                </c:pt>
                <c:pt idx="54">
                  <c:v>-9149.8251639391001</c:v>
                </c:pt>
                <c:pt idx="55">
                  <c:v>-9282.7228382015091</c:v>
                </c:pt>
                <c:pt idx="56">
                  <c:v>-9169.9720863366201</c:v>
                </c:pt>
                <c:pt idx="57">
                  <c:v>-9090.9768816450796</c:v>
                </c:pt>
                <c:pt idx="58">
                  <c:v>-9090.9768816450796</c:v>
                </c:pt>
                <c:pt idx="59">
                  <c:v>-9064.5862388806199</c:v>
                </c:pt>
                <c:pt idx="60">
                  <c:v>-9169.5014692038094</c:v>
                </c:pt>
                <c:pt idx="61">
                  <c:v>-9023.1921521751992</c:v>
                </c:pt>
                <c:pt idx="62">
                  <c:v>-8908.0369741944596</c:v>
                </c:pt>
                <c:pt idx="63">
                  <c:v>-8746.8070688738098</c:v>
                </c:pt>
                <c:pt idx="64">
                  <c:v>-8908.0369741944596</c:v>
                </c:pt>
                <c:pt idx="65">
                  <c:v>-8841.0478192542796</c:v>
                </c:pt>
                <c:pt idx="66">
                  <c:v>-8841.0478192542796</c:v>
                </c:pt>
                <c:pt idx="67">
                  <c:v>-8839.43960766891</c:v>
                </c:pt>
                <c:pt idx="68">
                  <c:v>-8798.4330591239195</c:v>
                </c:pt>
                <c:pt idx="69">
                  <c:v>-8758.0316637126107</c:v>
                </c:pt>
                <c:pt idx="70">
                  <c:v>-8713.9956768682405</c:v>
                </c:pt>
                <c:pt idx="71">
                  <c:v>-8371.0263453580792</c:v>
                </c:pt>
                <c:pt idx="72">
                  <c:v>-8265.3397720862504</c:v>
                </c:pt>
                <c:pt idx="73">
                  <c:v>-8199.6482457558795</c:v>
                </c:pt>
                <c:pt idx="74">
                  <c:v>-8199.6482457558795</c:v>
                </c:pt>
                <c:pt idx="75">
                  <c:v>-7895.8852283688902</c:v>
                </c:pt>
                <c:pt idx="76">
                  <c:v>-7820.7623462853799</c:v>
                </c:pt>
                <c:pt idx="77">
                  <c:v>-7786.4240172536502</c:v>
                </c:pt>
                <c:pt idx="78">
                  <c:v>-7734.9194276220196</c:v>
                </c:pt>
                <c:pt idx="79">
                  <c:v>-7640.2822009770498</c:v>
                </c:pt>
                <c:pt idx="80">
                  <c:v>-7640.2822009770498</c:v>
                </c:pt>
                <c:pt idx="81">
                  <c:v>-7640.2822009770498</c:v>
                </c:pt>
                <c:pt idx="82">
                  <c:v>-7573.3594875831996</c:v>
                </c:pt>
                <c:pt idx="83">
                  <c:v>-7484.6795292619499</c:v>
                </c:pt>
                <c:pt idx="84">
                  <c:v>-7432.3870788945997</c:v>
                </c:pt>
                <c:pt idx="85">
                  <c:v>-7432.3870788945997</c:v>
                </c:pt>
                <c:pt idx="86">
                  <c:v>-7104.2509577113697</c:v>
                </c:pt>
                <c:pt idx="87">
                  <c:v>-7265.8108977501897</c:v>
                </c:pt>
                <c:pt idx="88">
                  <c:v>-7104.2509577113697</c:v>
                </c:pt>
                <c:pt idx="89">
                  <c:v>-7104.2509577113697</c:v>
                </c:pt>
                <c:pt idx="90">
                  <c:v>-7104.2509577113697</c:v>
                </c:pt>
                <c:pt idx="91">
                  <c:v>-7015.5709993901201</c:v>
                </c:pt>
                <c:pt idx="92">
                  <c:v>-7015.5709993901201</c:v>
                </c:pt>
                <c:pt idx="93">
                  <c:v>-7001.4994139202499</c:v>
                </c:pt>
                <c:pt idx="94">
                  <c:v>-6993.0225665891103</c:v>
                </c:pt>
                <c:pt idx="95">
                  <c:v>-6958.2621030495602</c:v>
                </c:pt>
                <c:pt idx="96">
                  <c:v>-6950.6326233274904</c:v>
                </c:pt>
                <c:pt idx="97">
                  <c:v>-6876.02425047611</c:v>
                </c:pt>
                <c:pt idx="98">
                  <c:v>-6876.02425047611</c:v>
                </c:pt>
                <c:pt idx="99">
                  <c:v>-6876.0242504761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8CF8-4AFB-A73D-D6AEBCD24346}"/>
            </c:ext>
          </c:extLst>
        </c:ser>
        <c:ser>
          <c:idx val="1"/>
          <c:order val="1"/>
          <c:tx>
            <c:strRef>
              <c:f>genetic_easy_0_crossover_pmx_ra!$B$1</c:f>
              <c:strCache>
                <c:ptCount val="1"/>
                <c:pt idx="0">
                  <c:v>Worst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pmx_ra!$B$2:$B$101</c:f>
              <c:numCache>
                <c:formatCode>General</c:formatCode>
                <c:ptCount val="100"/>
                <c:pt idx="0">
                  <c:v>-87265.084732394302</c:v>
                </c:pt>
                <c:pt idx="1">
                  <c:v>-81414.727477960798</c:v>
                </c:pt>
                <c:pt idx="2">
                  <c:v>-85258.688185371604</c:v>
                </c:pt>
                <c:pt idx="3">
                  <c:v>-88339.309596438106</c:v>
                </c:pt>
                <c:pt idx="4">
                  <c:v>-82660.609696698099</c:v>
                </c:pt>
                <c:pt idx="5">
                  <c:v>-80280.835577804901</c:v>
                </c:pt>
                <c:pt idx="6">
                  <c:v>-82048.554502549305</c:v>
                </c:pt>
                <c:pt idx="7">
                  <c:v>-88384.700302269994</c:v>
                </c:pt>
                <c:pt idx="8">
                  <c:v>-84120.227235156402</c:v>
                </c:pt>
                <c:pt idx="9">
                  <c:v>-86141.356641939201</c:v>
                </c:pt>
                <c:pt idx="10">
                  <c:v>-76223.148730635003</c:v>
                </c:pt>
                <c:pt idx="11">
                  <c:v>-77133.805480981202</c:v>
                </c:pt>
                <c:pt idx="12">
                  <c:v>-77729.947802188501</c:v>
                </c:pt>
                <c:pt idx="13">
                  <c:v>-78047.262300888193</c:v>
                </c:pt>
                <c:pt idx="14">
                  <c:v>-74941.903083157304</c:v>
                </c:pt>
                <c:pt idx="15">
                  <c:v>-89769.342180154301</c:v>
                </c:pt>
                <c:pt idx="16">
                  <c:v>-80103.877686762804</c:v>
                </c:pt>
                <c:pt idx="17">
                  <c:v>-75014.900161589307</c:v>
                </c:pt>
                <c:pt idx="18">
                  <c:v>-83271.503959622307</c:v>
                </c:pt>
                <c:pt idx="19">
                  <c:v>-83776.673824531099</c:v>
                </c:pt>
                <c:pt idx="20">
                  <c:v>-85647.227727078993</c:v>
                </c:pt>
                <c:pt idx="21">
                  <c:v>-70791.607825551706</c:v>
                </c:pt>
                <c:pt idx="22">
                  <c:v>-72952.866507900399</c:v>
                </c:pt>
                <c:pt idx="23">
                  <c:v>-73623.506602806607</c:v>
                </c:pt>
                <c:pt idx="24">
                  <c:v>-70177.926732194799</c:v>
                </c:pt>
                <c:pt idx="25">
                  <c:v>-71391.746585646004</c:v>
                </c:pt>
                <c:pt idx="26">
                  <c:v>-63069.634617820702</c:v>
                </c:pt>
                <c:pt idx="27">
                  <c:v>-70536.206051590896</c:v>
                </c:pt>
                <c:pt idx="28">
                  <c:v>-77835.097018254804</c:v>
                </c:pt>
                <c:pt idx="29">
                  <c:v>-78189.131247334502</c:v>
                </c:pt>
                <c:pt idx="30">
                  <c:v>-74405.804102224603</c:v>
                </c:pt>
                <c:pt idx="31">
                  <c:v>-64550.004056191901</c:v>
                </c:pt>
                <c:pt idx="32">
                  <c:v>-67574.919730279304</c:v>
                </c:pt>
                <c:pt idx="33">
                  <c:v>-64414.317477302902</c:v>
                </c:pt>
                <c:pt idx="34">
                  <c:v>-64093.609527856403</c:v>
                </c:pt>
                <c:pt idx="35">
                  <c:v>-65547.232723184701</c:v>
                </c:pt>
                <c:pt idx="36">
                  <c:v>-66438.875961923099</c:v>
                </c:pt>
                <c:pt idx="37">
                  <c:v>-68171.534760313094</c:v>
                </c:pt>
                <c:pt idx="38">
                  <c:v>-70914.489065304093</c:v>
                </c:pt>
                <c:pt idx="39">
                  <c:v>-67785.598736259199</c:v>
                </c:pt>
                <c:pt idx="40">
                  <c:v>-69275.684432906593</c:v>
                </c:pt>
                <c:pt idx="41">
                  <c:v>-67008.006031013094</c:v>
                </c:pt>
                <c:pt idx="42">
                  <c:v>-67984.601696556696</c:v>
                </c:pt>
                <c:pt idx="43">
                  <c:v>-64809.068708172301</c:v>
                </c:pt>
                <c:pt idx="44">
                  <c:v>-69372.877131270099</c:v>
                </c:pt>
                <c:pt idx="45">
                  <c:v>-70433.358793815103</c:v>
                </c:pt>
                <c:pt idx="46">
                  <c:v>-65103.504388481197</c:v>
                </c:pt>
                <c:pt idx="47">
                  <c:v>-62291.348068416301</c:v>
                </c:pt>
                <c:pt idx="48">
                  <c:v>-66663.242247402406</c:v>
                </c:pt>
                <c:pt idx="49">
                  <c:v>-77232.796786100793</c:v>
                </c:pt>
                <c:pt idx="50">
                  <c:v>-71671.871296117199</c:v>
                </c:pt>
                <c:pt idx="51">
                  <c:v>-66818.783799173994</c:v>
                </c:pt>
                <c:pt idx="52">
                  <c:v>-69125.575514780197</c:v>
                </c:pt>
                <c:pt idx="53">
                  <c:v>-70295.326100011196</c:v>
                </c:pt>
                <c:pt idx="54">
                  <c:v>-70770.6746745337</c:v>
                </c:pt>
                <c:pt idx="55">
                  <c:v>-77598.762251027802</c:v>
                </c:pt>
                <c:pt idx="56">
                  <c:v>-74139.103728157905</c:v>
                </c:pt>
                <c:pt idx="57">
                  <c:v>-57902.983412431102</c:v>
                </c:pt>
                <c:pt idx="58">
                  <c:v>-64107.5421763466</c:v>
                </c:pt>
                <c:pt idx="59">
                  <c:v>-57058.908643060597</c:v>
                </c:pt>
                <c:pt idx="60">
                  <c:v>-67326.152679848004</c:v>
                </c:pt>
                <c:pt idx="61">
                  <c:v>-52876.1539452836</c:v>
                </c:pt>
                <c:pt idx="62">
                  <c:v>-63004.731572701901</c:v>
                </c:pt>
                <c:pt idx="63">
                  <c:v>-63710.8454175035</c:v>
                </c:pt>
                <c:pt idx="64">
                  <c:v>-57475.861819786303</c:v>
                </c:pt>
                <c:pt idx="65">
                  <c:v>-54775.191720836003</c:v>
                </c:pt>
                <c:pt idx="66">
                  <c:v>-60332.267023132001</c:v>
                </c:pt>
                <c:pt idx="67">
                  <c:v>-58153.354585719397</c:v>
                </c:pt>
                <c:pt idx="68">
                  <c:v>-56007.7298781672</c:v>
                </c:pt>
                <c:pt idx="69">
                  <c:v>-63779.079288814697</c:v>
                </c:pt>
                <c:pt idx="70">
                  <c:v>-52834.400858129702</c:v>
                </c:pt>
                <c:pt idx="71">
                  <c:v>-57264.554232565002</c:v>
                </c:pt>
                <c:pt idx="72">
                  <c:v>-52697.000980047902</c:v>
                </c:pt>
                <c:pt idx="73">
                  <c:v>-53524.577319033997</c:v>
                </c:pt>
                <c:pt idx="74">
                  <c:v>-52857.242686575199</c:v>
                </c:pt>
                <c:pt idx="75">
                  <c:v>-49687.8917465294</c:v>
                </c:pt>
                <c:pt idx="76">
                  <c:v>-59082.546903884097</c:v>
                </c:pt>
                <c:pt idx="77">
                  <c:v>-70171.804671579899</c:v>
                </c:pt>
                <c:pt idx="78">
                  <c:v>-56727.137958993997</c:v>
                </c:pt>
                <c:pt idx="79">
                  <c:v>-59165.295576543598</c:v>
                </c:pt>
                <c:pt idx="80">
                  <c:v>-52583.352798192602</c:v>
                </c:pt>
                <c:pt idx="81">
                  <c:v>-45527.3964411017</c:v>
                </c:pt>
                <c:pt idx="82">
                  <c:v>-48519.090652689498</c:v>
                </c:pt>
                <c:pt idx="83">
                  <c:v>-48734.910235227297</c:v>
                </c:pt>
                <c:pt idx="84">
                  <c:v>-45180.282004805304</c:v>
                </c:pt>
                <c:pt idx="85">
                  <c:v>-49847.629506956597</c:v>
                </c:pt>
                <c:pt idx="86">
                  <c:v>-45529.900964108099</c:v>
                </c:pt>
                <c:pt idx="87">
                  <c:v>-44119.943603293897</c:v>
                </c:pt>
                <c:pt idx="88">
                  <c:v>-47348.466268465898</c:v>
                </c:pt>
                <c:pt idx="89">
                  <c:v>-42259.995701891399</c:v>
                </c:pt>
                <c:pt idx="90">
                  <c:v>-45087.9640654783</c:v>
                </c:pt>
                <c:pt idx="91">
                  <c:v>-42716.173552695298</c:v>
                </c:pt>
                <c:pt idx="92">
                  <c:v>-44370.741766066603</c:v>
                </c:pt>
                <c:pt idx="93">
                  <c:v>-37052.950529490998</c:v>
                </c:pt>
                <c:pt idx="94">
                  <c:v>-44233.961967703799</c:v>
                </c:pt>
                <c:pt idx="95">
                  <c:v>-40188.334004161297</c:v>
                </c:pt>
                <c:pt idx="96">
                  <c:v>-43797.273509928302</c:v>
                </c:pt>
                <c:pt idx="97">
                  <c:v>-36188.137777134601</c:v>
                </c:pt>
                <c:pt idx="98">
                  <c:v>-43647.9159949479</c:v>
                </c:pt>
                <c:pt idx="99">
                  <c:v>-45849.1872606999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CF8-4AFB-A73D-D6AEBCD24346}"/>
            </c:ext>
          </c:extLst>
        </c:ser>
        <c:ser>
          <c:idx val="2"/>
          <c:order val="2"/>
          <c:tx>
            <c:strRef>
              <c:f>genetic_easy_0_crossover_pmx_ra!$C$1</c:f>
              <c:strCache>
                <c:ptCount val="1"/>
                <c:pt idx="0">
                  <c:v>Avg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genetic_easy_0_crossover_pmx_ra!$C$2:$C$101</c:f>
              <c:numCache>
                <c:formatCode>General</c:formatCode>
                <c:ptCount val="100"/>
                <c:pt idx="0">
                  <c:v>-31339.178086221102</c:v>
                </c:pt>
                <c:pt idx="1">
                  <c:v>-24208.8997315339</c:v>
                </c:pt>
                <c:pt idx="2">
                  <c:v>-24265.3264415841</c:v>
                </c:pt>
                <c:pt idx="3">
                  <c:v>-24203.8022769977</c:v>
                </c:pt>
                <c:pt idx="4">
                  <c:v>-23951.203177863099</c:v>
                </c:pt>
                <c:pt idx="5">
                  <c:v>-23749.814695226301</c:v>
                </c:pt>
                <c:pt idx="6">
                  <c:v>-23410.272927697701</c:v>
                </c:pt>
                <c:pt idx="7">
                  <c:v>-23063.667210130501</c:v>
                </c:pt>
                <c:pt idx="8">
                  <c:v>-23050.376112570098</c:v>
                </c:pt>
                <c:pt idx="9">
                  <c:v>-22551.570547804698</c:v>
                </c:pt>
                <c:pt idx="10">
                  <c:v>-22422.159620182902</c:v>
                </c:pt>
                <c:pt idx="11">
                  <c:v>-22251.485839131699</c:v>
                </c:pt>
                <c:pt idx="12">
                  <c:v>-21910.611539768699</c:v>
                </c:pt>
                <c:pt idx="13">
                  <c:v>-21800.439423091299</c:v>
                </c:pt>
                <c:pt idx="14">
                  <c:v>-21723.165617425799</c:v>
                </c:pt>
                <c:pt idx="15">
                  <c:v>-21325.065128808899</c:v>
                </c:pt>
                <c:pt idx="16">
                  <c:v>-21309.7695285031</c:v>
                </c:pt>
                <c:pt idx="17">
                  <c:v>-20922.5972195877</c:v>
                </c:pt>
                <c:pt idx="18">
                  <c:v>-20852.499981709501</c:v>
                </c:pt>
                <c:pt idx="19">
                  <c:v>-20726.616712213799</c:v>
                </c:pt>
                <c:pt idx="20">
                  <c:v>-20352.556458254399</c:v>
                </c:pt>
                <c:pt idx="21">
                  <c:v>-20005.0018021412</c:v>
                </c:pt>
                <c:pt idx="22">
                  <c:v>-19920.603094092199</c:v>
                </c:pt>
                <c:pt idx="23">
                  <c:v>-19648.2633177061</c:v>
                </c:pt>
                <c:pt idx="24">
                  <c:v>-19631.575919669802</c:v>
                </c:pt>
                <c:pt idx="25">
                  <c:v>-19372.552455326499</c:v>
                </c:pt>
                <c:pt idx="26">
                  <c:v>-19088.2860158396</c:v>
                </c:pt>
                <c:pt idx="27">
                  <c:v>-18933.603858455001</c:v>
                </c:pt>
                <c:pt idx="28">
                  <c:v>-18776.122835107701</c:v>
                </c:pt>
                <c:pt idx="29">
                  <c:v>-18578.404831029598</c:v>
                </c:pt>
                <c:pt idx="30">
                  <c:v>-18612.312301458602</c:v>
                </c:pt>
                <c:pt idx="31">
                  <c:v>-18192.445180156599</c:v>
                </c:pt>
                <c:pt idx="32">
                  <c:v>-18127.3918105218</c:v>
                </c:pt>
                <c:pt idx="33">
                  <c:v>-17975.4846875648</c:v>
                </c:pt>
                <c:pt idx="34">
                  <c:v>-17765.326177445499</c:v>
                </c:pt>
                <c:pt idx="35">
                  <c:v>-17539.953997471501</c:v>
                </c:pt>
                <c:pt idx="36">
                  <c:v>-17431.4209594235</c:v>
                </c:pt>
                <c:pt idx="37">
                  <c:v>-17129.640502155999</c:v>
                </c:pt>
                <c:pt idx="38">
                  <c:v>-17166.903066363499</c:v>
                </c:pt>
                <c:pt idx="39">
                  <c:v>-16976.273441436901</c:v>
                </c:pt>
                <c:pt idx="40">
                  <c:v>-16763.776823524498</c:v>
                </c:pt>
                <c:pt idx="41">
                  <c:v>-16608.1292598414</c:v>
                </c:pt>
                <c:pt idx="42">
                  <c:v>-16467.0318315843</c:v>
                </c:pt>
                <c:pt idx="43">
                  <c:v>-16355.5178771013</c:v>
                </c:pt>
                <c:pt idx="44">
                  <c:v>-16222.653898198299</c:v>
                </c:pt>
                <c:pt idx="45">
                  <c:v>-16050.204790095901</c:v>
                </c:pt>
                <c:pt idx="46">
                  <c:v>-15822.363123905399</c:v>
                </c:pt>
                <c:pt idx="47">
                  <c:v>-15628.095616173699</c:v>
                </c:pt>
                <c:pt idx="48">
                  <c:v>-15590.6117150357</c:v>
                </c:pt>
                <c:pt idx="49">
                  <c:v>-15393.9904407505</c:v>
                </c:pt>
                <c:pt idx="50">
                  <c:v>-15315.2191547206</c:v>
                </c:pt>
                <c:pt idx="51">
                  <c:v>-15134.0585937952</c:v>
                </c:pt>
                <c:pt idx="52">
                  <c:v>-14960.3548949386</c:v>
                </c:pt>
                <c:pt idx="53">
                  <c:v>-14821.646603605201</c:v>
                </c:pt>
                <c:pt idx="54">
                  <c:v>-14739.9178245926</c:v>
                </c:pt>
                <c:pt idx="55">
                  <c:v>-14627.2440714654</c:v>
                </c:pt>
                <c:pt idx="56">
                  <c:v>-14520.0212671094</c:v>
                </c:pt>
                <c:pt idx="57">
                  <c:v>-14428.1009295858</c:v>
                </c:pt>
                <c:pt idx="58">
                  <c:v>-14412.324596909901</c:v>
                </c:pt>
                <c:pt idx="59">
                  <c:v>-14231.591509555101</c:v>
                </c:pt>
                <c:pt idx="60">
                  <c:v>-14165.831407543499</c:v>
                </c:pt>
                <c:pt idx="61">
                  <c:v>-14073.830745344199</c:v>
                </c:pt>
                <c:pt idx="62">
                  <c:v>-14094.5052321027</c:v>
                </c:pt>
                <c:pt idx="63">
                  <c:v>-13929.647180804501</c:v>
                </c:pt>
                <c:pt idx="64">
                  <c:v>-13813.6498681791</c:v>
                </c:pt>
                <c:pt idx="65">
                  <c:v>-13671.315654198201</c:v>
                </c:pt>
                <c:pt idx="66">
                  <c:v>-13557.2869965106</c:v>
                </c:pt>
                <c:pt idx="67">
                  <c:v>-13485.9602462116</c:v>
                </c:pt>
                <c:pt idx="68">
                  <c:v>-13308.690030186701</c:v>
                </c:pt>
                <c:pt idx="69">
                  <c:v>-13267.18996041</c:v>
                </c:pt>
                <c:pt idx="70">
                  <c:v>-13197.0093442778</c:v>
                </c:pt>
                <c:pt idx="71">
                  <c:v>-13078.568667305201</c:v>
                </c:pt>
                <c:pt idx="72">
                  <c:v>-12868.3389644378</c:v>
                </c:pt>
                <c:pt idx="73">
                  <c:v>-12685.9150133084</c:v>
                </c:pt>
                <c:pt idx="74">
                  <c:v>-12634.4547089477</c:v>
                </c:pt>
                <c:pt idx="75">
                  <c:v>-12403.5958751658</c:v>
                </c:pt>
                <c:pt idx="76">
                  <c:v>-12273.650824812399</c:v>
                </c:pt>
                <c:pt idx="77">
                  <c:v>-12131.3521397972</c:v>
                </c:pt>
                <c:pt idx="78">
                  <c:v>-12044.9494704227</c:v>
                </c:pt>
                <c:pt idx="79">
                  <c:v>-11926.3581188301</c:v>
                </c:pt>
                <c:pt idx="80">
                  <c:v>-11697.494684342801</c:v>
                </c:pt>
                <c:pt idx="81">
                  <c:v>-11671.7607760433</c:v>
                </c:pt>
                <c:pt idx="82">
                  <c:v>-11614.4443918296</c:v>
                </c:pt>
                <c:pt idx="83">
                  <c:v>-11470.8738905803</c:v>
                </c:pt>
                <c:pt idx="84">
                  <c:v>-11402.976123234501</c:v>
                </c:pt>
                <c:pt idx="85">
                  <c:v>-11158.272042447001</c:v>
                </c:pt>
                <c:pt idx="86">
                  <c:v>-11113.313884204401</c:v>
                </c:pt>
                <c:pt idx="87">
                  <c:v>-10868.3391823769</c:v>
                </c:pt>
                <c:pt idx="88">
                  <c:v>-10676.2250090858</c:v>
                </c:pt>
                <c:pt idx="89">
                  <c:v>-10695.523179222901</c:v>
                </c:pt>
                <c:pt idx="90">
                  <c:v>-10662.3188388488</c:v>
                </c:pt>
                <c:pt idx="91">
                  <c:v>-10529.7931969029</c:v>
                </c:pt>
                <c:pt idx="92">
                  <c:v>-10458.4528809407</c:v>
                </c:pt>
                <c:pt idx="93">
                  <c:v>-10451.099866545999</c:v>
                </c:pt>
                <c:pt idx="94">
                  <c:v>-10359.892057437501</c:v>
                </c:pt>
                <c:pt idx="95">
                  <c:v>-10294.045908223399</c:v>
                </c:pt>
                <c:pt idx="96">
                  <c:v>-10233.503357866601</c:v>
                </c:pt>
                <c:pt idx="97">
                  <c:v>-10124.122597924401</c:v>
                </c:pt>
                <c:pt idx="98">
                  <c:v>-10063.9179590567</c:v>
                </c:pt>
                <c:pt idx="99">
                  <c:v>-9914.218454217429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8CF8-4AFB-A73D-D6AEBCD2434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63397344"/>
        <c:axId val="63394848"/>
      </c:lineChart>
      <c:catAx>
        <c:axId val="63397344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94848"/>
        <c:crosses val="autoZero"/>
        <c:auto val="1"/>
        <c:lblAlgn val="ctr"/>
        <c:lblOffset val="100"/>
        <c:noMultiLvlLbl val="0"/>
      </c:catAx>
      <c:valAx>
        <c:axId val="633948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6339734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10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1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1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1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1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15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5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6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7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8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9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730</TotalTime>
  <Pages>9</Pages>
  <Words>509</Words>
  <Characters>3059</Characters>
  <Application>Microsoft Office Word</Application>
  <DocSecurity>0</DocSecurity>
  <Lines>25</Lines>
  <Paragraphs>7</Paragraphs>
  <ScaleCrop>false</ScaleCrop>
  <HeadingPairs>
    <vt:vector size="2" baseType="variant">
      <vt:variant>
        <vt:lpstr>Tytuł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artłomiej Wrzalski (254566)</dc:creator>
  <cp:keywords/>
  <dc:description/>
  <cp:lastModifiedBy>Bartłomiej Wrzalski (254566)</cp:lastModifiedBy>
  <cp:revision>212</cp:revision>
  <dcterms:created xsi:type="dcterms:W3CDTF">2022-10-17T18:54:00Z</dcterms:created>
  <dcterms:modified xsi:type="dcterms:W3CDTF">2022-10-25T10:50:00Z</dcterms:modified>
</cp:coreProperties>
</file>